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-480" yWindow="-135" windowWidth="12390" windowHeight="7650"/>
  </bookViews>
  <sheets>
    <sheet name="児童クラブ所在地" sheetId="11" r:id="rId1"/>
  </sheets>
  <definedNames>
    <definedName name="data_05" localSheetId="0">児童クラブ所在地!$F$2:$G$212</definedName>
    <definedName name="_xlnm.Print_Titles" localSheetId="0">児童クラブ所在地!$1:$1</definedName>
  </definedNames>
  <calcPr calcId="145621"/>
</workbook>
</file>

<file path=xl/connections.xml><?xml version="1.0" encoding="utf-8"?>
<connections xmlns="http://schemas.openxmlformats.org/spreadsheetml/2006/main">
  <connection id="1" name="data_051" type="6" refreshedVersion="4" background="1" saveData="1">
    <textPr codePage="932" sourceFile="C:\Users\s00150\Documents\md_情報政策課_2017_01\170224_子ども・子育て支援課\csvtxt\data_05.txt" delimited="0">
      <textFields count="3">
        <textField/>
        <textField position="10"/>
        <textField position="22"/>
      </textFields>
    </textPr>
  </connection>
</connections>
</file>

<file path=xl/sharedStrings.xml><?xml version="1.0" encoding="utf-8"?>
<sst xmlns="http://schemas.openxmlformats.org/spreadsheetml/2006/main" count="851" uniqueCount="606">
  <si>
    <t>クラブ名</t>
    <rPh sb="3" eb="4">
      <t>メイ</t>
    </rPh>
    <phoneticPr fontId="1"/>
  </si>
  <si>
    <t>矢上地区児童クラブ</t>
    <rPh sb="0" eb="2">
      <t>ヤガミ</t>
    </rPh>
    <rPh sb="2" eb="4">
      <t>チク</t>
    </rPh>
    <rPh sb="4" eb="6">
      <t>ジドウ</t>
    </rPh>
    <phoneticPr fontId="1"/>
  </si>
  <si>
    <t>邑南町</t>
    <rPh sb="0" eb="3">
      <t>オオナンチョウ</t>
    </rPh>
    <phoneticPr fontId="1"/>
  </si>
  <si>
    <t>日貫児童クラブ</t>
    <rPh sb="0" eb="2">
      <t>ヒヌイ</t>
    </rPh>
    <rPh sb="2" eb="4">
      <t>ジドウ</t>
    </rPh>
    <phoneticPr fontId="1"/>
  </si>
  <si>
    <t>石見東放課後児童クラブ</t>
    <rPh sb="0" eb="2">
      <t>イワミ</t>
    </rPh>
    <rPh sb="2" eb="3">
      <t>ヒガシ</t>
    </rPh>
    <rPh sb="3" eb="6">
      <t>ホウカゴ</t>
    </rPh>
    <rPh sb="6" eb="8">
      <t>ジドウ</t>
    </rPh>
    <phoneticPr fontId="1"/>
  </si>
  <si>
    <t>たかはら児童クラブ</t>
    <rPh sb="4" eb="6">
      <t>ジドウ</t>
    </rPh>
    <phoneticPr fontId="1"/>
  </si>
  <si>
    <t>みずほ児童クラブ</t>
    <rPh sb="3" eb="5">
      <t>ジドウ</t>
    </rPh>
    <phoneticPr fontId="1"/>
  </si>
  <si>
    <t>いちぎ児童クラブ</t>
    <rPh sb="3" eb="5">
      <t>ジドウ</t>
    </rPh>
    <phoneticPr fontId="1"/>
  </si>
  <si>
    <t>阿須那児童クラブ</t>
    <rPh sb="0" eb="3">
      <t>アスナ</t>
    </rPh>
    <rPh sb="3" eb="5">
      <t>ジドウ</t>
    </rPh>
    <phoneticPr fontId="1"/>
  </si>
  <si>
    <t>口羽児童クラブ</t>
    <rPh sb="0" eb="2">
      <t>クチバ</t>
    </rPh>
    <rPh sb="2" eb="4">
      <t>ジドウ</t>
    </rPh>
    <phoneticPr fontId="1"/>
  </si>
  <si>
    <t>696-0103</t>
    <phoneticPr fontId="1"/>
  </si>
  <si>
    <t>696-0102</t>
    <phoneticPr fontId="1"/>
  </si>
  <si>
    <t>邑智郡邑南町中野1002-4</t>
    <rPh sb="0" eb="3">
      <t>オオチグン</t>
    </rPh>
    <rPh sb="3" eb="6">
      <t>オオナンチョウ</t>
    </rPh>
    <rPh sb="6" eb="8">
      <t>ナカノ</t>
    </rPh>
    <phoneticPr fontId="1"/>
  </si>
  <si>
    <t>699-4311</t>
    <phoneticPr fontId="1"/>
  </si>
  <si>
    <t>696-0406</t>
    <phoneticPr fontId="1"/>
  </si>
  <si>
    <t>696-0501</t>
    <phoneticPr fontId="1"/>
  </si>
  <si>
    <t>696-0603</t>
    <phoneticPr fontId="1"/>
  </si>
  <si>
    <t>697-0631</t>
    <phoneticPr fontId="1"/>
  </si>
  <si>
    <t>696-0222</t>
    <phoneticPr fontId="1"/>
  </si>
  <si>
    <t>市町村名</t>
    <rPh sb="0" eb="2">
      <t>シチョウ</t>
    </rPh>
    <rPh sb="2" eb="3">
      <t>ソン</t>
    </rPh>
    <rPh sb="3" eb="4">
      <t>メイ</t>
    </rPh>
    <phoneticPr fontId="1"/>
  </si>
  <si>
    <t>番号</t>
    <rPh sb="0" eb="2">
      <t>バンゴウ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つわのっこクラブ</t>
    <phoneticPr fontId="2"/>
  </si>
  <si>
    <t>日原ひまわりクラブ</t>
    <rPh sb="0" eb="2">
      <t>ニチハラ</t>
    </rPh>
    <phoneticPr fontId="2"/>
  </si>
  <si>
    <t>699-5604</t>
    <phoneticPr fontId="1"/>
  </si>
  <si>
    <t>699-5221</t>
    <phoneticPr fontId="1"/>
  </si>
  <si>
    <t>津和野町</t>
    <rPh sb="0" eb="3">
      <t>ツワノ</t>
    </rPh>
    <rPh sb="3" eb="4">
      <t>チョウ</t>
    </rPh>
    <phoneticPr fontId="1"/>
  </si>
  <si>
    <t>西ノ島町</t>
    <rPh sb="0" eb="1">
      <t>ニシ</t>
    </rPh>
    <rPh sb="2" eb="3">
      <t>シマ</t>
    </rPh>
    <rPh sb="3" eb="4">
      <t>チョウ</t>
    </rPh>
    <phoneticPr fontId="1"/>
  </si>
  <si>
    <t>684-0302</t>
    <phoneticPr fontId="1"/>
  </si>
  <si>
    <t>シオン子どもの家</t>
    <phoneticPr fontId="1"/>
  </si>
  <si>
    <t>685-0014</t>
    <phoneticPr fontId="1"/>
  </si>
  <si>
    <t>685-0017</t>
    <phoneticPr fontId="1"/>
  </si>
  <si>
    <t>隠岐の島町</t>
    <rPh sb="0" eb="2">
      <t>オキ</t>
    </rPh>
    <rPh sb="3" eb="5">
      <t>シマチョウ</t>
    </rPh>
    <phoneticPr fontId="1"/>
  </si>
  <si>
    <t>古志原地区児童クラブ</t>
  </si>
  <si>
    <t>古志原地区第2児童クラブ</t>
  </si>
  <si>
    <t>竹矢第2児童クラブ</t>
    <rPh sb="2" eb="3">
      <t>ダイ</t>
    </rPh>
    <phoneticPr fontId="2"/>
  </si>
  <si>
    <t>城西地区第3児童クラブ</t>
    <rPh sb="4" eb="5">
      <t>ダイ</t>
    </rPh>
    <phoneticPr fontId="2"/>
  </si>
  <si>
    <t>揖屋児童クラブ</t>
    <rPh sb="0" eb="2">
      <t>イヤ</t>
    </rPh>
    <rPh sb="2" eb="4">
      <t>ジドウ</t>
    </rPh>
    <phoneticPr fontId="2"/>
  </si>
  <si>
    <t>出雲郷児童クラブ</t>
    <rPh sb="0" eb="3">
      <t>アダカエ</t>
    </rPh>
    <rPh sb="3" eb="5">
      <t>ジドウ</t>
    </rPh>
    <phoneticPr fontId="2"/>
  </si>
  <si>
    <t>出雲郷第2児童クラブ</t>
    <rPh sb="0" eb="3">
      <t>アダカエ</t>
    </rPh>
    <rPh sb="3" eb="4">
      <t>ダイ</t>
    </rPh>
    <rPh sb="5" eb="7">
      <t>ジドウ</t>
    </rPh>
    <phoneticPr fontId="2"/>
  </si>
  <si>
    <t>意東児童クラブ</t>
    <rPh sb="0" eb="1">
      <t>イ</t>
    </rPh>
    <rPh sb="1" eb="2">
      <t>トウ</t>
    </rPh>
    <rPh sb="2" eb="4">
      <t>ジドウ</t>
    </rPh>
    <phoneticPr fontId="2"/>
  </si>
  <si>
    <t>いんべ児童クラブ</t>
    <rPh sb="3" eb="5">
      <t>ジドウ</t>
    </rPh>
    <phoneticPr fontId="2"/>
  </si>
  <si>
    <t>しまね潮風児童クラブ</t>
    <rPh sb="3" eb="5">
      <t>シオカゼ</t>
    </rPh>
    <rPh sb="5" eb="7">
      <t>ジドウ</t>
    </rPh>
    <phoneticPr fontId="2"/>
  </si>
  <si>
    <t>第1学童ほいくわんぱくクラブ</t>
    <rPh sb="0" eb="1">
      <t>ダイ</t>
    </rPh>
    <rPh sb="2" eb="4">
      <t>ガクドウ</t>
    </rPh>
    <phoneticPr fontId="2"/>
  </si>
  <si>
    <t>第2学童ほいくわんぱくクラブ</t>
    <rPh sb="0" eb="1">
      <t>ダイ</t>
    </rPh>
    <rPh sb="2" eb="4">
      <t>ガクドウ</t>
    </rPh>
    <phoneticPr fontId="2"/>
  </si>
  <si>
    <t>学童保育たわやまっこクラブ</t>
    <rPh sb="0" eb="2">
      <t>ガクドウ</t>
    </rPh>
    <rPh sb="2" eb="4">
      <t>ホイク</t>
    </rPh>
    <phoneticPr fontId="2"/>
  </si>
  <si>
    <t>学童保育みつきっこクラブ</t>
    <rPh sb="0" eb="2">
      <t>ガクドウ</t>
    </rPh>
    <rPh sb="2" eb="4">
      <t>ホイク</t>
    </rPh>
    <phoneticPr fontId="2"/>
  </si>
  <si>
    <t>比津学童クラブ別館</t>
    <rPh sb="0" eb="2">
      <t>ヒツ</t>
    </rPh>
    <rPh sb="2" eb="4">
      <t>ガクドウ</t>
    </rPh>
    <rPh sb="7" eb="9">
      <t>ベッカン</t>
    </rPh>
    <phoneticPr fontId="2"/>
  </si>
  <si>
    <t>つくし児童クラブ</t>
    <rPh sb="3" eb="5">
      <t>ジドウ</t>
    </rPh>
    <phoneticPr fontId="2"/>
  </si>
  <si>
    <t>遊学館なの花</t>
    <rPh sb="0" eb="1">
      <t>ユウ</t>
    </rPh>
    <rPh sb="1" eb="2">
      <t>ガク</t>
    </rPh>
    <rPh sb="2" eb="3">
      <t>カン</t>
    </rPh>
    <rPh sb="5" eb="6">
      <t>ハナ</t>
    </rPh>
    <phoneticPr fontId="2"/>
  </si>
  <si>
    <t>あおぞら児童クラブ1号館</t>
    <rPh sb="4" eb="6">
      <t>ジドウ</t>
    </rPh>
    <rPh sb="10" eb="12">
      <t>ゴウカン</t>
    </rPh>
    <phoneticPr fontId="2"/>
  </si>
  <si>
    <t>あおぞら児童クラブ2号館</t>
    <rPh sb="4" eb="6">
      <t>ジドウ</t>
    </rPh>
    <rPh sb="10" eb="12">
      <t>ゴウカン</t>
    </rPh>
    <phoneticPr fontId="2"/>
  </si>
  <si>
    <t>虹の子児童クラブ</t>
    <rPh sb="0" eb="1">
      <t>ニジ</t>
    </rPh>
    <rPh sb="2" eb="3">
      <t>コ</t>
    </rPh>
    <rPh sb="3" eb="5">
      <t>ジドウ</t>
    </rPh>
    <phoneticPr fontId="2"/>
  </si>
  <si>
    <t>こそけん学童保育</t>
    <rPh sb="4" eb="6">
      <t>ガクドウ</t>
    </rPh>
    <rPh sb="6" eb="8">
      <t>ホイク</t>
    </rPh>
    <phoneticPr fontId="2"/>
  </si>
  <si>
    <t>大庭地区児童クラブ</t>
    <phoneticPr fontId="2"/>
  </si>
  <si>
    <t>大庭地区第2児童クラブ</t>
    <phoneticPr fontId="2"/>
  </si>
  <si>
    <t>城東地区児童クラブ</t>
    <phoneticPr fontId="2"/>
  </si>
  <si>
    <t>川津児童クラブ</t>
    <phoneticPr fontId="2"/>
  </si>
  <si>
    <t>川津第2児童クラブ</t>
    <phoneticPr fontId="2"/>
  </si>
  <si>
    <t>竹矢児童クラブ</t>
    <phoneticPr fontId="2"/>
  </si>
  <si>
    <t>津田児童クラブ</t>
    <phoneticPr fontId="2"/>
  </si>
  <si>
    <t>津田第2児童クラブ</t>
    <phoneticPr fontId="2"/>
  </si>
  <si>
    <t>津田第3児童クラブ</t>
    <phoneticPr fontId="2"/>
  </si>
  <si>
    <t>城西地区児童クラブ</t>
    <phoneticPr fontId="2"/>
  </si>
  <si>
    <t>城西地区第2児童クラブ</t>
    <phoneticPr fontId="2"/>
  </si>
  <si>
    <t>乃木児童クラブ</t>
    <phoneticPr fontId="2"/>
  </si>
  <si>
    <t>乃木第2児童クラブ</t>
    <phoneticPr fontId="2"/>
  </si>
  <si>
    <t>乃木第3児童クラブ</t>
    <phoneticPr fontId="2"/>
  </si>
  <si>
    <t>古江地区児童クラブ</t>
    <phoneticPr fontId="2"/>
  </si>
  <si>
    <t>持田児童クラブ</t>
    <phoneticPr fontId="2"/>
  </si>
  <si>
    <t>雑賀児童クラブ</t>
    <phoneticPr fontId="2"/>
  </si>
  <si>
    <t>生馬児童クラブ</t>
    <phoneticPr fontId="2"/>
  </si>
  <si>
    <t>中央児童クラブ</t>
    <phoneticPr fontId="2"/>
  </si>
  <si>
    <t>中央第2児童クラブ</t>
    <phoneticPr fontId="2"/>
  </si>
  <si>
    <t>比津児童クラブ</t>
    <phoneticPr fontId="2"/>
  </si>
  <si>
    <t>比津第2児童クラブ</t>
    <phoneticPr fontId="2"/>
  </si>
  <si>
    <t>朝酌児童クラブ</t>
    <phoneticPr fontId="2"/>
  </si>
  <si>
    <t>玉湯児童クラブ</t>
    <phoneticPr fontId="2"/>
  </si>
  <si>
    <t>しんじっ子クラブ</t>
    <phoneticPr fontId="2"/>
  </si>
  <si>
    <t>きまちみちくさクラブ</t>
    <phoneticPr fontId="2"/>
  </si>
  <si>
    <t>やくも児童クラブ</t>
    <phoneticPr fontId="2"/>
  </si>
  <si>
    <t>八束っ子児童クラブ</t>
    <phoneticPr fontId="2"/>
  </si>
  <si>
    <t>秋鹿児童クラブ</t>
    <phoneticPr fontId="2"/>
  </si>
  <si>
    <t>恵曇児童クラブ</t>
    <phoneticPr fontId="2"/>
  </si>
  <si>
    <t>本庄児童クラブ</t>
    <phoneticPr fontId="2"/>
  </si>
  <si>
    <t>大野児童クラブ</t>
    <phoneticPr fontId="2"/>
  </si>
  <si>
    <t>美保関児童クラブ</t>
    <phoneticPr fontId="2"/>
  </si>
  <si>
    <t>キッズ内中原</t>
    <phoneticPr fontId="2"/>
  </si>
  <si>
    <t>690-0012</t>
    <phoneticPr fontId="1"/>
  </si>
  <si>
    <t>690-0012</t>
    <phoneticPr fontId="1"/>
  </si>
  <si>
    <t>690-0033</t>
    <phoneticPr fontId="1"/>
  </si>
  <si>
    <t>690-0871</t>
    <phoneticPr fontId="1"/>
  </si>
  <si>
    <t>690-0883</t>
    <phoneticPr fontId="1"/>
  </si>
  <si>
    <t>690-0823</t>
    <phoneticPr fontId="1"/>
  </si>
  <si>
    <t>690-0025</t>
    <phoneticPr fontId="1"/>
  </si>
  <si>
    <t>690-0011</t>
    <phoneticPr fontId="1"/>
  </si>
  <si>
    <t>690-0873</t>
    <phoneticPr fontId="1"/>
  </si>
  <si>
    <t>690-0044</t>
    <phoneticPr fontId="1"/>
  </si>
  <si>
    <t>690-0151</t>
    <phoneticPr fontId="1"/>
  </si>
  <si>
    <t>690-0814</t>
    <phoneticPr fontId="1"/>
  </si>
  <si>
    <t>松江市</t>
    <rPh sb="0" eb="3">
      <t>マツエシ</t>
    </rPh>
    <phoneticPr fontId="1"/>
  </si>
  <si>
    <t>690-0056</t>
    <phoneticPr fontId="1"/>
  </si>
  <si>
    <t>690-0865</t>
    <phoneticPr fontId="1"/>
  </si>
  <si>
    <t>690-0002</t>
    <phoneticPr fontId="1"/>
  </si>
  <si>
    <t>690-0065</t>
    <phoneticPr fontId="1"/>
  </si>
  <si>
    <t>690-0863</t>
    <phoneticPr fontId="1"/>
  </si>
  <si>
    <t>690-0834</t>
    <phoneticPr fontId="1"/>
  </si>
  <si>
    <t>699-0201</t>
    <phoneticPr fontId="1"/>
  </si>
  <si>
    <t>699-0401</t>
    <phoneticPr fontId="1"/>
  </si>
  <si>
    <t>699-0405</t>
    <phoneticPr fontId="1"/>
  </si>
  <si>
    <t>690-2102</t>
    <phoneticPr fontId="1"/>
  </si>
  <si>
    <t>690-1404</t>
    <phoneticPr fontId="1"/>
  </si>
  <si>
    <t>690-0262</t>
    <phoneticPr fontId="1"/>
  </si>
  <si>
    <t>690-0323</t>
    <phoneticPr fontId="1"/>
  </si>
  <si>
    <t>690-1115</t>
    <phoneticPr fontId="1"/>
  </si>
  <si>
    <t>690-0265</t>
    <phoneticPr fontId="1"/>
  </si>
  <si>
    <t>690-1313</t>
    <phoneticPr fontId="1"/>
  </si>
  <si>
    <t>699-0101</t>
    <phoneticPr fontId="1"/>
  </si>
  <si>
    <t>699-0108</t>
    <phoneticPr fontId="1"/>
  </si>
  <si>
    <t>699-0111</t>
    <phoneticPr fontId="1"/>
  </si>
  <si>
    <t>699-0102</t>
    <phoneticPr fontId="1"/>
  </si>
  <si>
    <t>690-0036</t>
    <phoneticPr fontId="1"/>
  </si>
  <si>
    <t>690-0401</t>
    <phoneticPr fontId="1"/>
  </si>
  <si>
    <t>690-0017</t>
    <phoneticPr fontId="1"/>
  </si>
  <si>
    <t>690-0045</t>
    <phoneticPr fontId="1"/>
  </si>
  <si>
    <t>699-0112</t>
    <phoneticPr fontId="1"/>
  </si>
  <si>
    <t>690-0863</t>
    <phoneticPr fontId="1"/>
  </si>
  <si>
    <t>690-0825</t>
    <phoneticPr fontId="1"/>
  </si>
  <si>
    <t>690-0842</t>
    <phoneticPr fontId="1"/>
  </si>
  <si>
    <t>杉の子学級放課後児童クラブ</t>
    <rPh sb="0" eb="1">
      <t>スギ</t>
    </rPh>
    <rPh sb="2" eb="3">
      <t>コ</t>
    </rPh>
    <rPh sb="3" eb="5">
      <t>ガッキュウ</t>
    </rPh>
    <rPh sb="5" eb="8">
      <t>ホウカゴ</t>
    </rPh>
    <rPh sb="8" eb="10">
      <t>ジドウ</t>
    </rPh>
    <phoneticPr fontId="1"/>
  </si>
  <si>
    <t>ふたば学級放課後児童クラブ</t>
    <rPh sb="3" eb="5">
      <t>ガッキュウ</t>
    </rPh>
    <rPh sb="5" eb="8">
      <t>ホウカゴ</t>
    </rPh>
    <rPh sb="8" eb="10">
      <t>ジドウ</t>
    </rPh>
    <phoneticPr fontId="1"/>
  </si>
  <si>
    <t>ひまわり学級放課後児童クラブ</t>
    <rPh sb="4" eb="6">
      <t>ガッキュウ</t>
    </rPh>
    <rPh sb="6" eb="9">
      <t>ホウカゴ</t>
    </rPh>
    <rPh sb="9" eb="11">
      <t>ジドウ</t>
    </rPh>
    <phoneticPr fontId="1"/>
  </si>
  <si>
    <t>ひまわり第2学級放課後児童クラブ</t>
    <rPh sb="4" eb="5">
      <t>ダイ</t>
    </rPh>
    <rPh sb="6" eb="8">
      <t>ガッキュウ</t>
    </rPh>
    <rPh sb="8" eb="11">
      <t>ホウカゴ</t>
    </rPh>
    <rPh sb="11" eb="13">
      <t>ジドウ</t>
    </rPh>
    <phoneticPr fontId="1"/>
  </si>
  <si>
    <t>さくら学級放課後児童クラブ</t>
    <rPh sb="3" eb="5">
      <t>ガッキュウ</t>
    </rPh>
    <rPh sb="5" eb="8">
      <t>ホウカゴ</t>
    </rPh>
    <rPh sb="8" eb="10">
      <t>ジドウ</t>
    </rPh>
    <phoneticPr fontId="1"/>
  </si>
  <si>
    <t>くすのき学級放課後児童クラブ</t>
    <rPh sb="4" eb="6">
      <t>ガッキュウ</t>
    </rPh>
    <rPh sb="6" eb="9">
      <t>ホウカゴ</t>
    </rPh>
    <rPh sb="9" eb="11">
      <t>ジドウ</t>
    </rPh>
    <phoneticPr fontId="1"/>
  </si>
  <si>
    <t>かもめ学級放課後児童クラブ</t>
    <rPh sb="3" eb="10">
      <t>ガッキュウホウカゴジドウ</t>
    </rPh>
    <phoneticPr fontId="1"/>
  </si>
  <si>
    <t>かぜの子学級放課後児童クラブ</t>
    <rPh sb="3" eb="4">
      <t>コ</t>
    </rPh>
    <rPh sb="4" eb="11">
      <t>ガッキュウホウカゴジドウ</t>
    </rPh>
    <phoneticPr fontId="1"/>
  </si>
  <si>
    <t>とびうお学級放課後児童クラブ</t>
    <rPh sb="4" eb="11">
      <t>ガッキュウホウカゴジドウ</t>
    </rPh>
    <phoneticPr fontId="1"/>
  </si>
  <si>
    <t>若潮学級放課後児童クラブ</t>
    <rPh sb="0" eb="1">
      <t>ワカ</t>
    </rPh>
    <rPh sb="1" eb="2">
      <t>シオ</t>
    </rPh>
    <rPh sb="2" eb="9">
      <t>ガッキュウホウカゴジドウ</t>
    </rPh>
    <phoneticPr fontId="1"/>
  </si>
  <si>
    <t>山ばと学級放課後児童クラブ</t>
    <rPh sb="0" eb="1">
      <t>ヤマ</t>
    </rPh>
    <rPh sb="3" eb="10">
      <t>ガッキュウホウカゴジドウ</t>
    </rPh>
    <phoneticPr fontId="1"/>
  </si>
  <si>
    <t>雲城地区児童クラブ</t>
    <rPh sb="0" eb="1">
      <t>クモ</t>
    </rPh>
    <rPh sb="1" eb="2">
      <t>シロ</t>
    </rPh>
    <rPh sb="2" eb="4">
      <t>チク</t>
    </rPh>
    <rPh sb="4" eb="6">
      <t>ジドウ</t>
    </rPh>
    <phoneticPr fontId="1"/>
  </si>
  <si>
    <t>今福地区児童クラブ</t>
    <rPh sb="0" eb="2">
      <t>イマフク</t>
    </rPh>
    <rPh sb="2" eb="4">
      <t>チク</t>
    </rPh>
    <rPh sb="4" eb="6">
      <t>ジドウ</t>
    </rPh>
    <phoneticPr fontId="1"/>
  </si>
  <si>
    <t>今市児童クラブ</t>
    <rPh sb="0" eb="2">
      <t>イマイチ</t>
    </rPh>
    <rPh sb="2" eb="4">
      <t>ジドウ</t>
    </rPh>
    <phoneticPr fontId="1"/>
  </si>
  <si>
    <t>三隅小児童クラブ</t>
    <rPh sb="0" eb="2">
      <t>ミスミ</t>
    </rPh>
    <rPh sb="2" eb="3">
      <t>ショウ</t>
    </rPh>
    <rPh sb="3" eb="5">
      <t>ジドウ</t>
    </rPh>
    <phoneticPr fontId="1"/>
  </si>
  <si>
    <t>岡見小児童クラブ</t>
    <rPh sb="0" eb="2">
      <t>オカミ</t>
    </rPh>
    <rPh sb="2" eb="3">
      <t>ショウ</t>
    </rPh>
    <rPh sb="3" eb="5">
      <t>ジドウ</t>
    </rPh>
    <phoneticPr fontId="1"/>
  </si>
  <si>
    <t>やさか児童クラブ</t>
    <rPh sb="3" eb="5">
      <t>ジドウ</t>
    </rPh>
    <phoneticPr fontId="1"/>
  </si>
  <si>
    <t>島田たけのこクラブ</t>
    <rPh sb="0" eb="2">
      <t>シマタ</t>
    </rPh>
    <phoneticPr fontId="1"/>
  </si>
  <si>
    <t>飯梨こどもクラブ</t>
    <rPh sb="0" eb="2">
      <t>イイナシ</t>
    </rPh>
    <phoneticPr fontId="1"/>
  </si>
  <si>
    <t>社日こどもクラブ</t>
    <rPh sb="0" eb="1">
      <t>シャ</t>
    </rPh>
    <rPh sb="1" eb="2">
      <t>ニチ</t>
    </rPh>
    <phoneticPr fontId="1"/>
  </si>
  <si>
    <t>母里児童クラブ</t>
    <rPh sb="0" eb="1">
      <t>モ</t>
    </rPh>
    <rPh sb="1" eb="2">
      <t>リ</t>
    </rPh>
    <rPh sb="2" eb="4">
      <t>ジドウ</t>
    </rPh>
    <phoneticPr fontId="1"/>
  </si>
  <si>
    <t>南児童クラブ</t>
    <rPh sb="0" eb="1">
      <t>ミナミ</t>
    </rPh>
    <rPh sb="1" eb="3">
      <t>ジドウ</t>
    </rPh>
    <phoneticPr fontId="1"/>
  </si>
  <si>
    <t>あらしまっ子クラブ</t>
    <rPh sb="5" eb="6">
      <t>コ</t>
    </rPh>
    <phoneticPr fontId="1"/>
  </si>
  <si>
    <t>安田っ子クラブ</t>
    <rPh sb="0" eb="2">
      <t>ヤスダ</t>
    </rPh>
    <rPh sb="3" eb="4">
      <t>コ</t>
    </rPh>
    <phoneticPr fontId="1"/>
  </si>
  <si>
    <t>宇賀荘児童クラブ</t>
    <rPh sb="0" eb="2">
      <t>ウガ</t>
    </rPh>
    <rPh sb="2" eb="3">
      <t>ソウ</t>
    </rPh>
    <rPh sb="3" eb="5">
      <t>ジドウ</t>
    </rPh>
    <phoneticPr fontId="1"/>
  </si>
  <si>
    <t>十神どじょっ子クラブ</t>
    <rPh sb="0" eb="1">
      <t>ト</t>
    </rPh>
    <rPh sb="1" eb="2">
      <t>カミ</t>
    </rPh>
    <rPh sb="6" eb="7">
      <t>コ</t>
    </rPh>
    <phoneticPr fontId="1"/>
  </si>
  <si>
    <t>赤屋っ子クラブ</t>
    <rPh sb="0" eb="1">
      <t>アカ</t>
    </rPh>
    <rPh sb="1" eb="2">
      <t>ヤ</t>
    </rPh>
    <rPh sb="3" eb="4">
      <t>コ</t>
    </rPh>
    <phoneticPr fontId="1"/>
  </si>
  <si>
    <t>あかえっ子クラブ</t>
    <rPh sb="4" eb="5">
      <t>コ</t>
    </rPh>
    <phoneticPr fontId="1"/>
  </si>
  <si>
    <t>ひだっ子クラブ</t>
    <rPh sb="3" eb="4">
      <t>コ</t>
    </rPh>
    <phoneticPr fontId="1"/>
  </si>
  <si>
    <t>大田わんぱく児童クラブ</t>
    <rPh sb="0" eb="2">
      <t>オオダ</t>
    </rPh>
    <rPh sb="6" eb="8">
      <t>ジドウ</t>
    </rPh>
    <phoneticPr fontId="1"/>
  </si>
  <si>
    <t>久手わくわく児童クラブ</t>
    <rPh sb="0" eb="2">
      <t>クテ</t>
    </rPh>
    <rPh sb="6" eb="8">
      <t>ジドウ</t>
    </rPh>
    <phoneticPr fontId="1"/>
  </si>
  <si>
    <t>仁摩児童クラブひまわり</t>
    <rPh sb="0" eb="2">
      <t>ニマ</t>
    </rPh>
    <rPh sb="2" eb="4">
      <t>ジドウ</t>
    </rPh>
    <phoneticPr fontId="1"/>
  </si>
  <si>
    <t>大田ルーテル・ラブリー児童クラブ</t>
    <rPh sb="0" eb="2">
      <t>オオダ</t>
    </rPh>
    <rPh sb="11" eb="13">
      <t>ジドウ</t>
    </rPh>
    <phoneticPr fontId="1"/>
  </si>
  <si>
    <t>長久ゆうゆう学童クラブ</t>
    <rPh sb="0" eb="2">
      <t>ナガヒサ</t>
    </rPh>
    <rPh sb="6" eb="8">
      <t>ガクドウ</t>
    </rPh>
    <phoneticPr fontId="1"/>
  </si>
  <si>
    <t>あゆみ放課後児童クラブ</t>
    <rPh sb="3" eb="6">
      <t>ホウカゴ</t>
    </rPh>
    <rPh sb="6" eb="8">
      <t>ジドウ</t>
    </rPh>
    <phoneticPr fontId="1"/>
  </si>
  <si>
    <t>温泉津児童クラブたんぽぽ</t>
    <rPh sb="0" eb="3">
      <t>ユノツ</t>
    </rPh>
    <rPh sb="3" eb="5">
      <t>ジドウ</t>
    </rPh>
    <phoneticPr fontId="1"/>
  </si>
  <si>
    <t>朝波にこにこ児童クラブ</t>
    <rPh sb="0" eb="1">
      <t>アサ</t>
    </rPh>
    <rPh sb="1" eb="2">
      <t>ナミ</t>
    </rPh>
    <rPh sb="6" eb="8">
      <t>ジドウ</t>
    </rPh>
    <phoneticPr fontId="1"/>
  </si>
  <si>
    <t>大田いきいき児童クラブ</t>
    <rPh sb="0" eb="2">
      <t>オオダ</t>
    </rPh>
    <rPh sb="6" eb="8">
      <t>ジドウ</t>
    </rPh>
    <phoneticPr fontId="1"/>
  </si>
  <si>
    <t>わくわくキッズよこた</t>
  </si>
  <si>
    <t>学童クラブキリカ</t>
    <rPh sb="0" eb="2">
      <t>ガクドウ</t>
    </rPh>
    <phoneticPr fontId="1"/>
  </si>
  <si>
    <t>うしお児童クラブ</t>
    <rPh sb="3" eb="5">
      <t>ジドウ</t>
    </rPh>
    <phoneticPr fontId="1"/>
  </si>
  <si>
    <t>加茂児童クラブ</t>
    <rPh sb="0" eb="2">
      <t>カモ</t>
    </rPh>
    <rPh sb="2" eb="4">
      <t>ジドウ</t>
    </rPh>
    <phoneticPr fontId="1"/>
  </si>
  <si>
    <t>斐伊児童クラブ</t>
    <rPh sb="0" eb="1">
      <t>ヒ</t>
    </rPh>
    <rPh sb="1" eb="2">
      <t>イ</t>
    </rPh>
    <rPh sb="2" eb="4">
      <t>ジドウ</t>
    </rPh>
    <phoneticPr fontId="1"/>
  </si>
  <si>
    <t>きすき児童クラブ</t>
    <rPh sb="3" eb="5">
      <t>ジドウ</t>
    </rPh>
    <phoneticPr fontId="1"/>
  </si>
  <si>
    <t>三刀屋放課後児童クラブ</t>
    <rPh sb="0" eb="3">
      <t>ミトヤ</t>
    </rPh>
    <rPh sb="3" eb="6">
      <t>ホウカゴ</t>
    </rPh>
    <rPh sb="6" eb="8">
      <t>ジドウ</t>
    </rPh>
    <phoneticPr fontId="1"/>
  </si>
  <si>
    <t>697-0017</t>
    <phoneticPr fontId="1"/>
  </si>
  <si>
    <t>697-1323</t>
    <phoneticPr fontId="1"/>
  </si>
  <si>
    <t>697-0123</t>
    <phoneticPr fontId="1"/>
  </si>
  <si>
    <t>浜田市金城町七条イ982</t>
    <rPh sb="0" eb="3">
      <t>ハマダシ</t>
    </rPh>
    <rPh sb="3" eb="4">
      <t>キン</t>
    </rPh>
    <rPh sb="4" eb="5">
      <t>シロ</t>
    </rPh>
    <rPh sb="5" eb="6">
      <t>チョウ</t>
    </rPh>
    <rPh sb="6" eb="8">
      <t>シチジョウ</t>
    </rPh>
    <phoneticPr fontId="1"/>
  </si>
  <si>
    <t>697-0302</t>
    <phoneticPr fontId="1"/>
  </si>
  <si>
    <t>697-0425</t>
    <phoneticPr fontId="1"/>
  </si>
  <si>
    <t>699-3225</t>
    <phoneticPr fontId="1"/>
  </si>
  <si>
    <t>699-3226</t>
    <phoneticPr fontId="1"/>
  </si>
  <si>
    <t>697-1211</t>
    <phoneticPr fontId="1"/>
  </si>
  <si>
    <t>浜田市</t>
    <rPh sb="0" eb="3">
      <t>ハマダシ</t>
    </rPh>
    <phoneticPr fontId="1"/>
  </si>
  <si>
    <t>697-0063</t>
    <phoneticPr fontId="1"/>
  </si>
  <si>
    <t>697-0006</t>
    <phoneticPr fontId="1"/>
  </si>
  <si>
    <t>697-0022</t>
    <phoneticPr fontId="1"/>
  </si>
  <si>
    <t>697-0015</t>
    <phoneticPr fontId="1"/>
  </si>
  <si>
    <t>697-1322</t>
    <phoneticPr fontId="1"/>
  </si>
  <si>
    <t>697-1321</t>
    <phoneticPr fontId="1"/>
  </si>
  <si>
    <t>697-0052</t>
    <phoneticPr fontId="1"/>
  </si>
  <si>
    <t>697-0024</t>
    <phoneticPr fontId="1"/>
  </si>
  <si>
    <t>大田市大田町大田イ590</t>
    <rPh sb="0" eb="2">
      <t>オオダ</t>
    </rPh>
    <rPh sb="2" eb="3">
      <t>シ</t>
    </rPh>
    <rPh sb="3" eb="5">
      <t>オオダ</t>
    </rPh>
    <rPh sb="5" eb="6">
      <t>チョウ</t>
    </rPh>
    <rPh sb="6" eb="8">
      <t>オオダ</t>
    </rPh>
    <phoneticPr fontId="1"/>
  </si>
  <si>
    <t>699-2301</t>
    <phoneticPr fontId="1"/>
  </si>
  <si>
    <t>大田市仁摩町仁万176-2</t>
    <rPh sb="0" eb="2">
      <t>オオタ</t>
    </rPh>
    <rPh sb="2" eb="3">
      <t>シ</t>
    </rPh>
    <rPh sb="3" eb="6">
      <t>ニマチョウ</t>
    </rPh>
    <rPh sb="6" eb="8">
      <t>ニマ</t>
    </rPh>
    <phoneticPr fontId="1"/>
  </si>
  <si>
    <t>694-0064</t>
    <phoneticPr fontId="1"/>
  </si>
  <si>
    <t>694-0044</t>
    <phoneticPr fontId="1"/>
  </si>
  <si>
    <t>694-0063</t>
    <phoneticPr fontId="1"/>
  </si>
  <si>
    <t>699-2514</t>
    <phoneticPr fontId="1"/>
  </si>
  <si>
    <t>699-2211</t>
    <phoneticPr fontId="1"/>
  </si>
  <si>
    <t>大田市大田町大田イ140-8</t>
    <rPh sb="0" eb="3">
      <t>オオダシ</t>
    </rPh>
    <rPh sb="3" eb="5">
      <t>オオダ</t>
    </rPh>
    <rPh sb="5" eb="6">
      <t>チョウ</t>
    </rPh>
    <rPh sb="6" eb="8">
      <t>オオダ</t>
    </rPh>
    <phoneticPr fontId="1"/>
  </si>
  <si>
    <t>大田市温泉津町福光ハ467-1</t>
    <rPh sb="0" eb="3">
      <t>オオダシ</t>
    </rPh>
    <rPh sb="3" eb="6">
      <t>ユノツ</t>
    </rPh>
    <rPh sb="6" eb="7">
      <t>チョウ</t>
    </rPh>
    <rPh sb="7" eb="9">
      <t>フクミツ</t>
    </rPh>
    <phoneticPr fontId="1"/>
  </si>
  <si>
    <t>大田市大田町吉永1355-1</t>
    <rPh sb="0" eb="3">
      <t>オオダシ</t>
    </rPh>
    <rPh sb="3" eb="5">
      <t>オオダ</t>
    </rPh>
    <rPh sb="5" eb="6">
      <t>チョウ</t>
    </rPh>
    <rPh sb="6" eb="8">
      <t>ヨシナガ</t>
    </rPh>
    <phoneticPr fontId="1"/>
  </si>
  <si>
    <t>大田市長久町土江108-1</t>
    <rPh sb="0" eb="3">
      <t>オオダシ</t>
    </rPh>
    <rPh sb="3" eb="5">
      <t>ナガヒサ</t>
    </rPh>
    <rPh sb="5" eb="6">
      <t>チョウ</t>
    </rPh>
    <rPh sb="6" eb="8">
      <t>ツチエ</t>
    </rPh>
    <phoneticPr fontId="1"/>
  </si>
  <si>
    <t>大田市</t>
    <rPh sb="0" eb="2">
      <t>オオタ</t>
    </rPh>
    <rPh sb="2" eb="3">
      <t>シ</t>
    </rPh>
    <phoneticPr fontId="1"/>
  </si>
  <si>
    <t>安来市穂日島町485</t>
    <rPh sb="0" eb="3">
      <t>ヤスギシ</t>
    </rPh>
    <rPh sb="3" eb="4">
      <t>ホ</t>
    </rPh>
    <rPh sb="4" eb="5">
      <t>ヒ</t>
    </rPh>
    <rPh sb="5" eb="6">
      <t>ジマ</t>
    </rPh>
    <rPh sb="6" eb="7">
      <t>マチ</t>
    </rPh>
    <phoneticPr fontId="1"/>
  </si>
  <si>
    <t>692-0025</t>
    <phoneticPr fontId="1"/>
  </si>
  <si>
    <t>692-0066</t>
    <phoneticPr fontId="1"/>
  </si>
  <si>
    <t>692-0012</t>
    <phoneticPr fontId="1"/>
  </si>
  <si>
    <t>安来市宮内町101</t>
    <rPh sb="0" eb="3">
      <t>ヤスギシ</t>
    </rPh>
    <rPh sb="3" eb="5">
      <t>ミヤウチ</t>
    </rPh>
    <rPh sb="5" eb="6">
      <t>マチ</t>
    </rPh>
    <phoneticPr fontId="1"/>
  </si>
  <si>
    <t>692-0212</t>
    <phoneticPr fontId="1"/>
  </si>
  <si>
    <t>692-0042</t>
    <phoneticPr fontId="1"/>
  </si>
  <si>
    <t>692-0007</t>
    <phoneticPr fontId="1"/>
  </si>
  <si>
    <t>692-0205</t>
    <phoneticPr fontId="1"/>
  </si>
  <si>
    <t>安来市伯太町安田中159</t>
    <rPh sb="0" eb="3">
      <t>ヤスギシ</t>
    </rPh>
    <rPh sb="3" eb="5">
      <t>ハクタ</t>
    </rPh>
    <rPh sb="5" eb="6">
      <t>マチ</t>
    </rPh>
    <rPh sb="6" eb="8">
      <t>ヤスダ</t>
    </rPh>
    <rPh sb="8" eb="9">
      <t>ナカ</t>
    </rPh>
    <phoneticPr fontId="1"/>
  </si>
  <si>
    <t>692-0056</t>
    <phoneticPr fontId="1"/>
  </si>
  <si>
    <t>694-0064</t>
    <phoneticPr fontId="1"/>
  </si>
  <si>
    <t>692-0011</t>
    <phoneticPr fontId="1"/>
  </si>
  <si>
    <t>692-0404</t>
    <phoneticPr fontId="1"/>
  </si>
  <si>
    <t>692-0321</t>
    <phoneticPr fontId="1"/>
  </si>
  <si>
    <t>692-0001</t>
    <phoneticPr fontId="1"/>
  </si>
  <si>
    <t>692-0731</t>
    <phoneticPr fontId="1"/>
  </si>
  <si>
    <t>安来市広瀬町西比田1708-4</t>
    <rPh sb="0" eb="3">
      <t>ヤスギシ</t>
    </rPh>
    <rPh sb="3" eb="6">
      <t>ヒロセマチ</t>
    </rPh>
    <rPh sb="6" eb="7">
      <t>ニシ</t>
    </rPh>
    <rPh sb="7" eb="8">
      <t>ヒ</t>
    </rPh>
    <rPh sb="8" eb="9">
      <t>タ</t>
    </rPh>
    <phoneticPr fontId="1"/>
  </si>
  <si>
    <t>安来市広瀬町広瀬754-22</t>
    <rPh sb="0" eb="3">
      <t>ヤスギシ</t>
    </rPh>
    <rPh sb="3" eb="6">
      <t>ヒロセマチ</t>
    </rPh>
    <rPh sb="6" eb="8">
      <t>ヒロセ</t>
    </rPh>
    <phoneticPr fontId="1"/>
  </si>
  <si>
    <t>安来市</t>
    <rPh sb="0" eb="3">
      <t>ヤスギシ</t>
    </rPh>
    <phoneticPr fontId="1"/>
  </si>
  <si>
    <t>ちゃれんじクラブ</t>
    <phoneticPr fontId="1"/>
  </si>
  <si>
    <t>すずらんアットホーム</t>
    <phoneticPr fontId="1"/>
  </si>
  <si>
    <t>699-1252</t>
    <phoneticPr fontId="1"/>
  </si>
  <si>
    <t>雲南市大東町田中43-9</t>
    <rPh sb="0" eb="2">
      <t>ウンナン</t>
    </rPh>
    <rPh sb="2" eb="3">
      <t>シ</t>
    </rPh>
    <rPh sb="3" eb="6">
      <t>ダイトウチョウ</t>
    </rPh>
    <rPh sb="6" eb="8">
      <t>タナカ</t>
    </rPh>
    <phoneticPr fontId="1"/>
  </si>
  <si>
    <t>699-1223</t>
    <phoneticPr fontId="1"/>
  </si>
  <si>
    <t>雲南市大東町下阿用684-7</t>
    <rPh sb="0" eb="2">
      <t>ウンナン</t>
    </rPh>
    <rPh sb="2" eb="3">
      <t>シ</t>
    </rPh>
    <rPh sb="3" eb="6">
      <t>ダイトウチョウ</t>
    </rPh>
    <rPh sb="6" eb="7">
      <t>シモ</t>
    </rPh>
    <rPh sb="7" eb="8">
      <t>ア</t>
    </rPh>
    <rPh sb="8" eb="9">
      <t>ヨウ</t>
    </rPh>
    <phoneticPr fontId="1"/>
  </si>
  <si>
    <t>699-1251</t>
    <phoneticPr fontId="1"/>
  </si>
  <si>
    <t>雲南市大東町大東1344-1</t>
    <rPh sb="0" eb="2">
      <t>ウンナン</t>
    </rPh>
    <rPh sb="2" eb="3">
      <t>シ</t>
    </rPh>
    <rPh sb="3" eb="6">
      <t>ダイトウチョウ</t>
    </rPh>
    <rPh sb="6" eb="8">
      <t>ダイトウ</t>
    </rPh>
    <phoneticPr fontId="1"/>
  </si>
  <si>
    <t>699-1209</t>
    <phoneticPr fontId="1"/>
  </si>
  <si>
    <t>雲南市大東町南村275</t>
    <rPh sb="0" eb="2">
      <t>ウンナン</t>
    </rPh>
    <rPh sb="2" eb="3">
      <t>シ</t>
    </rPh>
    <rPh sb="3" eb="6">
      <t>ダイトウチョウ</t>
    </rPh>
    <rPh sb="6" eb="8">
      <t>ミナミムラ</t>
    </rPh>
    <phoneticPr fontId="1"/>
  </si>
  <si>
    <t>699-1106</t>
    <phoneticPr fontId="1"/>
  </si>
  <si>
    <t>雲南市加茂町加茂中1001-4</t>
    <rPh sb="0" eb="2">
      <t>ウンナン</t>
    </rPh>
    <rPh sb="2" eb="3">
      <t>シ</t>
    </rPh>
    <rPh sb="3" eb="5">
      <t>カモ</t>
    </rPh>
    <rPh sb="5" eb="6">
      <t>チョウ</t>
    </rPh>
    <rPh sb="6" eb="9">
      <t>カモナカ</t>
    </rPh>
    <phoneticPr fontId="1"/>
  </si>
  <si>
    <t>699-1311</t>
    <phoneticPr fontId="1"/>
  </si>
  <si>
    <t>雲南市木次町里方916-1</t>
    <rPh sb="0" eb="2">
      <t>ウンナン</t>
    </rPh>
    <rPh sb="2" eb="3">
      <t>シ</t>
    </rPh>
    <rPh sb="3" eb="6">
      <t>キスキチョウ</t>
    </rPh>
    <rPh sb="6" eb="7">
      <t>サト</t>
    </rPh>
    <rPh sb="7" eb="8">
      <t>ガタ</t>
    </rPh>
    <phoneticPr fontId="1"/>
  </si>
  <si>
    <t>699-1392</t>
    <phoneticPr fontId="1"/>
  </si>
  <si>
    <t>雲南市木次町木次1012-1</t>
    <rPh sb="0" eb="2">
      <t>ウンナン</t>
    </rPh>
    <rPh sb="2" eb="3">
      <t>シ</t>
    </rPh>
    <rPh sb="3" eb="6">
      <t>キスキチョウ</t>
    </rPh>
    <rPh sb="6" eb="8">
      <t>キスキ</t>
    </rPh>
    <phoneticPr fontId="1"/>
  </si>
  <si>
    <t>690-2405</t>
    <phoneticPr fontId="1"/>
  </si>
  <si>
    <t>雲南市三刀屋町古城1-1</t>
    <rPh sb="0" eb="2">
      <t>ウンナン</t>
    </rPh>
    <rPh sb="2" eb="3">
      <t>シ</t>
    </rPh>
    <rPh sb="3" eb="7">
      <t>ミトヤチョウ</t>
    </rPh>
    <rPh sb="7" eb="9">
      <t>コジョウ</t>
    </rPh>
    <phoneticPr fontId="1"/>
  </si>
  <si>
    <t>690-2701</t>
    <phoneticPr fontId="1"/>
  </si>
  <si>
    <t>雲南市掛合町掛合2125-3</t>
    <rPh sb="0" eb="2">
      <t>ウンナン</t>
    </rPh>
    <rPh sb="2" eb="3">
      <t>シ</t>
    </rPh>
    <rPh sb="3" eb="5">
      <t>カケヤ</t>
    </rPh>
    <rPh sb="5" eb="6">
      <t>チョウ</t>
    </rPh>
    <rPh sb="6" eb="8">
      <t>カケヤ</t>
    </rPh>
    <phoneticPr fontId="1"/>
  </si>
  <si>
    <t>雲南市</t>
    <rPh sb="0" eb="3">
      <t>ウンナンシ</t>
    </rPh>
    <phoneticPr fontId="1"/>
  </si>
  <si>
    <t>699-1511</t>
    <phoneticPr fontId="1"/>
  </si>
  <si>
    <t>699-1832</t>
    <phoneticPr fontId="1"/>
  </si>
  <si>
    <t>699-1621</t>
    <phoneticPr fontId="1"/>
  </si>
  <si>
    <t>699-1941</t>
    <phoneticPr fontId="1"/>
  </si>
  <si>
    <t>699-1432</t>
    <phoneticPr fontId="1"/>
  </si>
  <si>
    <t>699-1822</t>
    <phoneticPr fontId="1"/>
  </si>
  <si>
    <t>699-1802</t>
    <phoneticPr fontId="1"/>
  </si>
  <si>
    <t>699-1701</t>
    <phoneticPr fontId="1"/>
  </si>
  <si>
    <t>699-1513</t>
    <phoneticPr fontId="1"/>
  </si>
  <si>
    <t>奥出雲町</t>
    <rPh sb="0" eb="4">
      <t>オクイズモチョウ</t>
    </rPh>
    <phoneticPr fontId="1"/>
  </si>
  <si>
    <t>吉賀町</t>
    <rPh sb="0" eb="1">
      <t>ヨシ</t>
    </rPh>
    <rPh sb="1" eb="2">
      <t>ガ</t>
    </rPh>
    <rPh sb="2" eb="3">
      <t>チョウ</t>
    </rPh>
    <phoneticPr fontId="1"/>
  </si>
  <si>
    <t>蔵木放課後児童クラブ</t>
    <rPh sb="0" eb="1">
      <t>クラ</t>
    </rPh>
    <rPh sb="1" eb="2">
      <t>ギ</t>
    </rPh>
    <rPh sb="2" eb="5">
      <t>ホウカゴ</t>
    </rPh>
    <rPh sb="5" eb="7">
      <t>ジドウ</t>
    </rPh>
    <phoneticPr fontId="2"/>
  </si>
  <si>
    <t>六日市放課後児童クラブ</t>
    <rPh sb="0" eb="3">
      <t>ムイカイチ</t>
    </rPh>
    <rPh sb="3" eb="6">
      <t>ホウカゴ</t>
    </rPh>
    <rPh sb="6" eb="8">
      <t>ジドウ</t>
    </rPh>
    <phoneticPr fontId="2"/>
  </si>
  <si>
    <t>朝倉放課後児童クラブ</t>
    <rPh sb="0" eb="2">
      <t>アサクラ</t>
    </rPh>
    <rPh sb="2" eb="5">
      <t>ホウカゴ</t>
    </rPh>
    <rPh sb="5" eb="7">
      <t>ジドウ</t>
    </rPh>
    <phoneticPr fontId="2"/>
  </si>
  <si>
    <t>七日市放課後児童クラブ</t>
    <rPh sb="0" eb="2">
      <t>ナノカ</t>
    </rPh>
    <rPh sb="2" eb="3">
      <t>イチ</t>
    </rPh>
    <rPh sb="3" eb="6">
      <t>ホウカゴ</t>
    </rPh>
    <rPh sb="6" eb="8">
      <t>ジドウ</t>
    </rPh>
    <phoneticPr fontId="2"/>
  </si>
  <si>
    <t>柿木第１放課後児童クラブ</t>
    <rPh sb="0" eb="2">
      <t>カキノキ</t>
    </rPh>
    <rPh sb="2" eb="3">
      <t>ダイ</t>
    </rPh>
    <rPh sb="4" eb="7">
      <t>ホウカゴ</t>
    </rPh>
    <rPh sb="7" eb="9">
      <t>ジドウ</t>
    </rPh>
    <phoneticPr fontId="2"/>
  </si>
  <si>
    <t>柿木第２放課後児童クラブ</t>
    <rPh sb="0" eb="2">
      <t>カキノキ</t>
    </rPh>
    <rPh sb="2" eb="3">
      <t>ダイ</t>
    </rPh>
    <rPh sb="4" eb="7">
      <t>ホウカゴ</t>
    </rPh>
    <rPh sb="7" eb="9">
      <t>ジドウ</t>
    </rPh>
    <phoneticPr fontId="2"/>
  </si>
  <si>
    <t>六日市保育所放課後児童クラブ</t>
    <rPh sb="0" eb="3">
      <t>ムイカイチ</t>
    </rPh>
    <rPh sb="3" eb="5">
      <t>ホイク</t>
    </rPh>
    <rPh sb="5" eb="6">
      <t>ショ</t>
    </rPh>
    <rPh sb="6" eb="9">
      <t>ホウカゴ</t>
    </rPh>
    <rPh sb="9" eb="11">
      <t>ジドウ</t>
    </rPh>
    <phoneticPr fontId="2"/>
  </si>
  <si>
    <t>鹿足郡吉賀町蔵木14</t>
    <rPh sb="0" eb="2">
      <t>カノアシ</t>
    </rPh>
    <rPh sb="2" eb="3">
      <t>グン</t>
    </rPh>
    <rPh sb="3" eb="6">
      <t>ヨシカチョウ</t>
    </rPh>
    <rPh sb="6" eb="7">
      <t>クラ</t>
    </rPh>
    <rPh sb="7" eb="8">
      <t>ギ</t>
    </rPh>
    <phoneticPr fontId="2"/>
  </si>
  <si>
    <t>699-5504</t>
    <phoneticPr fontId="1"/>
  </si>
  <si>
    <t>699-5513</t>
    <phoneticPr fontId="1"/>
  </si>
  <si>
    <t>鹿足郡吉賀町六日市748</t>
    <rPh sb="0" eb="2">
      <t>カノアシ</t>
    </rPh>
    <rPh sb="2" eb="3">
      <t>グン</t>
    </rPh>
    <rPh sb="3" eb="6">
      <t>ヨシカチョウ</t>
    </rPh>
    <rPh sb="6" eb="9">
      <t>ムイカイチ</t>
    </rPh>
    <phoneticPr fontId="2"/>
  </si>
  <si>
    <t>699-5523</t>
    <phoneticPr fontId="1"/>
  </si>
  <si>
    <t>699-5522</t>
    <phoneticPr fontId="1"/>
  </si>
  <si>
    <t>699-5301</t>
    <phoneticPr fontId="1"/>
  </si>
  <si>
    <t>鹿足郡吉賀町柿木村柿木613</t>
    <rPh sb="0" eb="2">
      <t>カノアシ</t>
    </rPh>
    <rPh sb="2" eb="3">
      <t>グン</t>
    </rPh>
    <rPh sb="3" eb="6">
      <t>ヨシカチョウ</t>
    </rPh>
    <rPh sb="6" eb="8">
      <t>カキノキ</t>
    </rPh>
    <rPh sb="8" eb="9">
      <t>ムラ</t>
    </rPh>
    <rPh sb="9" eb="11">
      <t>カキノキ</t>
    </rPh>
    <phoneticPr fontId="2"/>
  </si>
  <si>
    <t>鹿足郡吉賀町柿木村柿木680-1</t>
    <rPh sb="0" eb="2">
      <t>カノアシ</t>
    </rPh>
    <rPh sb="2" eb="3">
      <t>グン</t>
    </rPh>
    <rPh sb="3" eb="6">
      <t>ヨシカチョウ</t>
    </rPh>
    <rPh sb="6" eb="8">
      <t>カキノキ</t>
    </rPh>
    <rPh sb="8" eb="9">
      <t>ムラ</t>
    </rPh>
    <rPh sb="9" eb="11">
      <t>カキノキ</t>
    </rPh>
    <phoneticPr fontId="2"/>
  </si>
  <si>
    <t>海士町</t>
    <rPh sb="0" eb="3">
      <t>アマチョウ</t>
    </rPh>
    <phoneticPr fontId="1"/>
  </si>
  <si>
    <t>684-0403</t>
    <phoneticPr fontId="1"/>
  </si>
  <si>
    <t>美郷町</t>
    <rPh sb="0" eb="2">
      <t>ミサト</t>
    </rPh>
    <rPh sb="2" eb="3">
      <t>チョウ</t>
    </rPh>
    <phoneticPr fontId="1"/>
  </si>
  <si>
    <t>いつでも道場</t>
    <rPh sb="4" eb="6">
      <t>ドウジョウ</t>
    </rPh>
    <phoneticPr fontId="1"/>
  </si>
  <si>
    <t>やすらぎの里</t>
    <rPh sb="5" eb="6">
      <t>サト</t>
    </rPh>
    <phoneticPr fontId="1"/>
  </si>
  <si>
    <t>まほろばわくわく教室</t>
    <rPh sb="8" eb="10">
      <t>キョウシツ</t>
    </rPh>
    <phoneticPr fontId="1"/>
  </si>
  <si>
    <t>699-4621</t>
    <phoneticPr fontId="1"/>
  </si>
  <si>
    <t>696-1131</t>
    <phoneticPr fontId="1"/>
  </si>
  <si>
    <t>696-0703</t>
    <phoneticPr fontId="1"/>
  </si>
  <si>
    <t>めだか児童クラブ</t>
    <rPh sb="3" eb="5">
      <t>ジドウ</t>
    </rPh>
    <phoneticPr fontId="1"/>
  </si>
  <si>
    <t>トマト第１児童クラブ</t>
    <rPh sb="3" eb="4">
      <t>ダイ</t>
    </rPh>
    <rPh sb="5" eb="7">
      <t>ジドウ</t>
    </rPh>
    <phoneticPr fontId="1"/>
  </si>
  <si>
    <t>トマト第２児童クラブ</t>
    <rPh sb="3" eb="4">
      <t>ダイ</t>
    </rPh>
    <rPh sb="5" eb="7">
      <t>ジドウ</t>
    </rPh>
    <phoneticPr fontId="1"/>
  </si>
  <si>
    <t>トマト第３児童クラブ</t>
    <rPh sb="3" eb="4">
      <t>ダイ</t>
    </rPh>
    <rPh sb="5" eb="7">
      <t>ジドウ</t>
    </rPh>
    <phoneticPr fontId="1"/>
  </si>
  <si>
    <t>いちご第１児童クラブ</t>
    <rPh sb="3" eb="4">
      <t>ダイ</t>
    </rPh>
    <rPh sb="5" eb="7">
      <t>ジドウ</t>
    </rPh>
    <phoneticPr fontId="1"/>
  </si>
  <si>
    <t>いちご第２児童クラブ</t>
    <rPh sb="3" eb="4">
      <t>ダイ</t>
    </rPh>
    <rPh sb="5" eb="7">
      <t>ジドウ</t>
    </rPh>
    <phoneticPr fontId="1"/>
  </si>
  <si>
    <t>さくら児童クラブ</t>
    <rPh sb="3" eb="5">
      <t>ジドウ</t>
    </rPh>
    <phoneticPr fontId="1"/>
  </si>
  <si>
    <t>どんぐり児童クラブ</t>
    <rPh sb="4" eb="6">
      <t>ジドウ</t>
    </rPh>
    <phoneticPr fontId="1"/>
  </si>
  <si>
    <t>わくわく第１児童クラブ</t>
    <rPh sb="4" eb="5">
      <t>ダイ</t>
    </rPh>
    <rPh sb="6" eb="8">
      <t>ジドウ</t>
    </rPh>
    <phoneticPr fontId="1"/>
  </si>
  <si>
    <t>わくわく第２児童クラブ</t>
    <rPh sb="4" eb="5">
      <t>ダイ</t>
    </rPh>
    <rPh sb="6" eb="8">
      <t>ジドウ</t>
    </rPh>
    <phoneticPr fontId="1"/>
  </si>
  <si>
    <t>つくしんぼ児童クラブ</t>
    <rPh sb="5" eb="7">
      <t>ジドウ</t>
    </rPh>
    <phoneticPr fontId="1"/>
  </si>
  <si>
    <t>いきいき児童クラブ</t>
    <rPh sb="4" eb="6">
      <t>ジドウ</t>
    </rPh>
    <phoneticPr fontId="1"/>
  </si>
  <si>
    <t>東仙道地区児童クラブ</t>
    <rPh sb="0" eb="1">
      <t>ヒガシ</t>
    </rPh>
    <rPh sb="1" eb="3">
      <t>センドウ</t>
    </rPh>
    <rPh sb="3" eb="5">
      <t>チク</t>
    </rPh>
    <rPh sb="5" eb="7">
      <t>ジドウ</t>
    </rPh>
    <phoneticPr fontId="1"/>
  </si>
  <si>
    <t>都茂地区児童クラブ</t>
    <rPh sb="0" eb="2">
      <t>ツモ</t>
    </rPh>
    <rPh sb="2" eb="4">
      <t>チク</t>
    </rPh>
    <rPh sb="4" eb="6">
      <t>ジドウ</t>
    </rPh>
    <phoneticPr fontId="1"/>
  </si>
  <si>
    <t>698-0021</t>
    <phoneticPr fontId="1"/>
  </si>
  <si>
    <t>益田市幸町9-33</t>
    <rPh sb="0" eb="3">
      <t>マスダシ</t>
    </rPh>
    <rPh sb="3" eb="5">
      <t>サイワイチョウ</t>
    </rPh>
    <phoneticPr fontId="1"/>
  </si>
  <si>
    <t>698-0042</t>
    <phoneticPr fontId="1"/>
  </si>
  <si>
    <t>益田市中吉田町272</t>
    <rPh sb="0" eb="3">
      <t>マスダシ</t>
    </rPh>
    <rPh sb="3" eb="7">
      <t>ナカヨシダチョウ</t>
    </rPh>
    <phoneticPr fontId="1"/>
  </si>
  <si>
    <t>698-0041</t>
    <phoneticPr fontId="1"/>
  </si>
  <si>
    <t>699-3676</t>
    <phoneticPr fontId="1"/>
  </si>
  <si>
    <t>益田市遠田町758-1</t>
    <rPh sb="0" eb="3">
      <t>マスダシ</t>
    </rPh>
    <rPh sb="3" eb="6">
      <t>トオダチョウ</t>
    </rPh>
    <phoneticPr fontId="1"/>
  </si>
  <si>
    <t>699-5132</t>
  </si>
  <si>
    <t>益田市横田町147</t>
    <rPh sb="0" eb="3">
      <t>マスダシ</t>
    </rPh>
    <rPh sb="3" eb="6">
      <t>ヨコタチョウ</t>
    </rPh>
    <phoneticPr fontId="1"/>
  </si>
  <si>
    <t>699-5132</t>
    <phoneticPr fontId="1"/>
  </si>
  <si>
    <t>698-0012</t>
    <phoneticPr fontId="1"/>
  </si>
  <si>
    <t>益田市大谷町347-2</t>
    <rPh sb="0" eb="3">
      <t>マスダシ</t>
    </rPh>
    <rPh sb="3" eb="6">
      <t>オオタニチョウ</t>
    </rPh>
    <phoneticPr fontId="1"/>
  </si>
  <si>
    <t>698-2141</t>
    <phoneticPr fontId="1"/>
  </si>
  <si>
    <t>益田市白上町イ743-4</t>
    <rPh sb="0" eb="3">
      <t>マスダシ</t>
    </rPh>
    <rPh sb="3" eb="6">
      <t>シラカミチョウ</t>
    </rPh>
    <phoneticPr fontId="1"/>
  </si>
  <si>
    <t>698-0212</t>
    <phoneticPr fontId="1"/>
  </si>
  <si>
    <t>益田市美都町仙道98-1</t>
    <rPh sb="0" eb="3">
      <t>マスダシ</t>
    </rPh>
    <rPh sb="3" eb="5">
      <t>ミト</t>
    </rPh>
    <rPh sb="5" eb="6">
      <t>チョウ</t>
    </rPh>
    <rPh sb="6" eb="8">
      <t>センドウ</t>
    </rPh>
    <phoneticPr fontId="1"/>
  </si>
  <si>
    <t>698-0203</t>
    <phoneticPr fontId="1"/>
  </si>
  <si>
    <t>益田市美都町都茂1813-2</t>
    <rPh sb="0" eb="3">
      <t>マスダシ</t>
    </rPh>
    <rPh sb="3" eb="5">
      <t>ミト</t>
    </rPh>
    <rPh sb="5" eb="6">
      <t>チョウ</t>
    </rPh>
    <rPh sb="6" eb="8">
      <t>ツモ</t>
    </rPh>
    <phoneticPr fontId="1"/>
  </si>
  <si>
    <t>益田市</t>
    <rPh sb="0" eb="3">
      <t>マスダシ</t>
    </rPh>
    <phoneticPr fontId="1"/>
  </si>
  <si>
    <t>出雲市</t>
    <rPh sb="0" eb="2">
      <t>イズモ</t>
    </rPh>
    <rPh sb="2" eb="3">
      <t>シ</t>
    </rPh>
    <phoneticPr fontId="1"/>
  </si>
  <si>
    <t>江津市</t>
    <rPh sb="0" eb="3">
      <t>ゴウツシ</t>
    </rPh>
    <phoneticPr fontId="1"/>
  </si>
  <si>
    <t>690-0033</t>
    <phoneticPr fontId="1"/>
  </si>
  <si>
    <t>城北児童クラブ</t>
    <phoneticPr fontId="2"/>
  </si>
  <si>
    <t>今市第１児童クラブ</t>
  </si>
  <si>
    <t>今市第２児童クラブ</t>
  </si>
  <si>
    <t>大津第１児童クラブ</t>
  </si>
  <si>
    <t>大津第２児童クラブ</t>
  </si>
  <si>
    <t>塩冶第１学童クラブ</t>
  </si>
  <si>
    <t>塩冶第２学童クラブ</t>
  </si>
  <si>
    <t>塩冶第３学童クラブ</t>
  </si>
  <si>
    <t>塩冶第４学童クラブ</t>
  </si>
  <si>
    <t>高松第１児童クラブ</t>
  </si>
  <si>
    <t>高松第２児童クラブ</t>
  </si>
  <si>
    <t>四絡第１児童クラブ</t>
  </si>
  <si>
    <t>四絡第２児童クラブ</t>
  </si>
  <si>
    <t>四絡第３児童クラブ</t>
  </si>
  <si>
    <t>高浜児童クラブ</t>
  </si>
  <si>
    <t>北陽第１こどもクラブ</t>
    <rPh sb="2" eb="3">
      <t>ダイ</t>
    </rPh>
    <phoneticPr fontId="1"/>
  </si>
  <si>
    <t>北陽第２こどもクラブ</t>
    <rPh sb="2" eb="3">
      <t>ダイ</t>
    </rPh>
    <phoneticPr fontId="1"/>
  </si>
  <si>
    <t>上津児童クラブ</t>
  </si>
  <si>
    <t>朝山児童クラブ</t>
  </si>
  <si>
    <t>乙立子どもクラブ</t>
  </si>
  <si>
    <t>稗原児童クラブ</t>
  </si>
  <si>
    <t>古志児童クラブ</t>
  </si>
  <si>
    <t>神戸川第１児童クラブ</t>
  </si>
  <si>
    <t>神戸川第２児童クラブ</t>
  </si>
  <si>
    <t>神西児童クラブ</t>
  </si>
  <si>
    <t>長浜児童クラブ</t>
  </si>
  <si>
    <t>平田コスモス児童クラブ</t>
  </si>
  <si>
    <t>灘分いなほ児童クラブ</t>
  </si>
  <si>
    <t>国富あおぞら児童クラブ</t>
  </si>
  <si>
    <t>ひかり児童クラブ</t>
  </si>
  <si>
    <t>檜山ひのき児童クラブ</t>
  </si>
  <si>
    <t>東みずうみ児童クラブ</t>
  </si>
  <si>
    <t>須佐小児童クラブ</t>
  </si>
  <si>
    <t>窪田小児童クラブ</t>
  </si>
  <si>
    <t>多伎児童クラブ</t>
  </si>
  <si>
    <t>湖陵児童クラブ</t>
  </si>
  <si>
    <t>杵築児童クラブ</t>
  </si>
  <si>
    <t>荒木児童クラブ</t>
  </si>
  <si>
    <t>遙堪児童クラブ</t>
  </si>
  <si>
    <t>荘原小児童クラブ</t>
    <rPh sb="3" eb="5">
      <t>ジドウ</t>
    </rPh>
    <phoneticPr fontId="1"/>
  </si>
  <si>
    <t>西野小第1児童クラブ</t>
    <rPh sb="5" eb="7">
      <t>ジドウ</t>
    </rPh>
    <phoneticPr fontId="1"/>
  </si>
  <si>
    <t>西野小第2児童クラブ</t>
    <rPh sb="5" eb="7">
      <t>ジドウ</t>
    </rPh>
    <phoneticPr fontId="1"/>
  </si>
  <si>
    <t>中部小児童クラブ</t>
    <rPh sb="3" eb="5">
      <t>ジドウ</t>
    </rPh>
    <phoneticPr fontId="1"/>
  </si>
  <si>
    <t>出東小児童クラブ</t>
    <rPh sb="3" eb="5">
      <t>ジドウ</t>
    </rPh>
    <phoneticPr fontId="1"/>
  </si>
  <si>
    <t>出雲市芦渡町790</t>
  </si>
  <si>
    <t>出雲市今市町北本町2丁目1-1</t>
    <rPh sb="0" eb="2">
      <t>イズモ</t>
    </rPh>
    <rPh sb="2" eb="3">
      <t>シ</t>
    </rPh>
    <rPh sb="3" eb="9">
      <t>イマイチチョウキタホンマチ</t>
    </rPh>
    <phoneticPr fontId="1"/>
  </si>
  <si>
    <t>出雲市今市町北本町2丁目1-1</t>
    <phoneticPr fontId="1"/>
  </si>
  <si>
    <t>出雲市塩冶町675-2</t>
    <phoneticPr fontId="1"/>
  </si>
  <si>
    <t>出雲市斐川町三分市1076</t>
    <phoneticPr fontId="1"/>
  </si>
  <si>
    <t>出雲市斐川町直江4778-1</t>
    <phoneticPr fontId="1"/>
  </si>
  <si>
    <t>出雲市斐川町富村519-1</t>
    <phoneticPr fontId="1"/>
  </si>
  <si>
    <t>出雲市斐川町富村520-1</t>
    <phoneticPr fontId="1"/>
  </si>
  <si>
    <t>出雲市斐川町神庭273</t>
    <phoneticPr fontId="1"/>
  </si>
  <si>
    <t>出雲市大社町遙堪73</t>
    <phoneticPr fontId="1"/>
  </si>
  <si>
    <t>出雲市大社町修理免752-1</t>
    <phoneticPr fontId="1"/>
  </si>
  <si>
    <t>出雲市大社町杵築南1201</t>
    <phoneticPr fontId="1"/>
  </si>
  <si>
    <t>出雲市多伎町小田50</t>
    <phoneticPr fontId="1"/>
  </si>
  <si>
    <t>出雲市佐田町一窪田1988-1</t>
    <phoneticPr fontId="1"/>
  </si>
  <si>
    <t>出雲市佐田町須佐1137-1</t>
    <phoneticPr fontId="1"/>
  </si>
  <si>
    <t>出雲市鹿園寺町1004-6</t>
    <phoneticPr fontId="1"/>
  </si>
  <si>
    <t>出雲市多久谷町182-1</t>
    <phoneticPr fontId="1"/>
  </si>
  <si>
    <t>出雲市東福町453</t>
    <phoneticPr fontId="1"/>
  </si>
  <si>
    <t>出雲市万田町790-1</t>
    <phoneticPr fontId="1"/>
  </si>
  <si>
    <t>出雲市国富町381</t>
    <phoneticPr fontId="1"/>
  </si>
  <si>
    <t>出雲市灘分町2091</t>
    <phoneticPr fontId="1"/>
  </si>
  <si>
    <t>出雲市西平田町6-1</t>
    <phoneticPr fontId="1"/>
  </si>
  <si>
    <t>出雲市荒茅町3901</t>
    <phoneticPr fontId="1"/>
  </si>
  <si>
    <t>出雲市神西沖町479-1</t>
    <phoneticPr fontId="1"/>
  </si>
  <si>
    <t>出雲市知井宮町481-1</t>
    <phoneticPr fontId="1"/>
  </si>
  <si>
    <t>出雲市古志町1955</t>
    <phoneticPr fontId="1"/>
  </si>
  <si>
    <t>出雲市稗原町2825</t>
    <phoneticPr fontId="1"/>
  </si>
  <si>
    <t>出雲市乙立町1028-4</t>
    <phoneticPr fontId="1"/>
  </si>
  <si>
    <t>出雲市所原町185</t>
    <phoneticPr fontId="1"/>
  </si>
  <si>
    <t>出雲市上島町869</t>
    <phoneticPr fontId="1"/>
  </si>
  <si>
    <t>出雲市稲岡町14-3</t>
    <phoneticPr fontId="1"/>
  </si>
  <si>
    <t>出雲市平野町1209-2</t>
    <phoneticPr fontId="1"/>
  </si>
  <si>
    <t>出雲市大塚町821-3</t>
    <phoneticPr fontId="1"/>
  </si>
  <si>
    <t>出雲市大塚町827-1</t>
    <phoneticPr fontId="1"/>
  </si>
  <si>
    <t>出雲市浜町2110-4</t>
    <phoneticPr fontId="1"/>
  </si>
  <si>
    <t>出雲市白枝町396-1</t>
    <phoneticPr fontId="1"/>
  </si>
  <si>
    <t>出雲市塩冶町473</t>
    <phoneticPr fontId="1"/>
  </si>
  <si>
    <t>出雲市塩冶有原町3-35</t>
    <phoneticPr fontId="1"/>
  </si>
  <si>
    <t>出雲市塩冶町653-2</t>
    <phoneticPr fontId="1"/>
  </si>
  <si>
    <t>693-0002</t>
    <phoneticPr fontId="1"/>
  </si>
  <si>
    <t>693-0011</t>
    <phoneticPr fontId="1"/>
  </si>
  <si>
    <t>693-0021</t>
    <phoneticPr fontId="1"/>
  </si>
  <si>
    <t>693-0023</t>
    <phoneticPr fontId="1"/>
  </si>
  <si>
    <t>693-0006</t>
    <phoneticPr fontId="1"/>
  </si>
  <si>
    <t>693-0054</t>
    <phoneticPr fontId="1"/>
  </si>
  <si>
    <t>693-0063</t>
    <phoneticPr fontId="1"/>
  </si>
  <si>
    <t>693-0065</t>
    <phoneticPr fontId="1"/>
  </si>
  <si>
    <t>693-0071</t>
    <phoneticPr fontId="1"/>
  </si>
  <si>
    <t>693-0013</t>
    <phoneticPr fontId="1"/>
  </si>
  <si>
    <t>693-0101</t>
    <phoneticPr fontId="1"/>
  </si>
  <si>
    <t>693-0214</t>
    <phoneticPr fontId="1"/>
  </si>
  <si>
    <t>693-0216</t>
    <phoneticPr fontId="1"/>
  </si>
  <si>
    <t>693-0104</t>
    <phoneticPr fontId="1"/>
  </si>
  <si>
    <t>693-0031</t>
    <phoneticPr fontId="1"/>
  </si>
  <si>
    <t>693-0033</t>
    <phoneticPr fontId="1"/>
  </si>
  <si>
    <t>693-0035</t>
    <phoneticPr fontId="1"/>
  </si>
  <si>
    <t xml:space="preserve">699-0822 </t>
    <phoneticPr fontId="1"/>
  </si>
  <si>
    <t>693-0044</t>
    <phoneticPr fontId="1"/>
  </si>
  <si>
    <t>691-0002</t>
    <phoneticPr fontId="1"/>
  </si>
  <si>
    <t>691-0003</t>
    <phoneticPr fontId="1"/>
  </si>
  <si>
    <t>691-0011</t>
    <phoneticPr fontId="1"/>
  </si>
  <si>
    <t>691-0033</t>
    <phoneticPr fontId="1"/>
  </si>
  <si>
    <t>691-0031</t>
    <phoneticPr fontId="1"/>
  </si>
  <si>
    <t>699-0903</t>
    <phoneticPr fontId="1"/>
  </si>
  <si>
    <t>693-0503</t>
    <phoneticPr fontId="1"/>
  </si>
  <si>
    <t>693-0522</t>
    <phoneticPr fontId="1"/>
  </si>
  <si>
    <t>699-0812</t>
    <phoneticPr fontId="1"/>
  </si>
  <si>
    <t>699-0711</t>
    <phoneticPr fontId="1"/>
  </si>
  <si>
    <t>699-0721</t>
    <phoneticPr fontId="1"/>
  </si>
  <si>
    <t>699-0731</t>
    <phoneticPr fontId="1"/>
  </si>
  <si>
    <t>691-0062</t>
    <phoneticPr fontId="1"/>
  </si>
  <si>
    <t>691-0075</t>
    <phoneticPr fontId="1"/>
  </si>
  <si>
    <t>699-0621</t>
    <phoneticPr fontId="1"/>
  </si>
  <si>
    <t>699-0631</t>
    <phoneticPr fontId="1"/>
  </si>
  <si>
    <t>699-0554</t>
    <phoneticPr fontId="1"/>
  </si>
  <si>
    <t>699-0503</t>
    <phoneticPr fontId="1"/>
  </si>
  <si>
    <t>津宮放課後児童クラブ</t>
    <phoneticPr fontId="1"/>
  </si>
  <si>
    <t>高角放課後児童クラブ</t>
    <phoneticPr fontId="1"/>
  </si>
  <si>
    <t>江津東放課後児童クラブ</t>
    <rPh sb="0" eb="2">
      <t>ゴウツ</t>
    </rPh>
    <rPh sb="2" eb="3">
      <t>ヒガシ</t>
    </rPh>
    <rPh sb="3" eb="6">
      <t>ホウカゴ</t>
    </rPh>
    <rPh sb="6" eb="8">
      <t>ジドウ</t>
    </rPh>
    <phoneticPr fontId="2"/>
  </si>
  <si>
    <t>桜江放課後児童クラブ</t>
    <rPh sb="0" eb="1">
      <t>サクラ</t>
    </rPh>
    <rPh sb="2" eb="5">
      <t>ホウカゴ</t>
    </rPh>
    <rPh sb="5" eb="7">
      <t>ジドウ</t>
    </rPh>
    <phoneticPr fontId="2"/>
  </si>
  <si>
    <t>渡津放課後児童クラブ</t>
    <rPh sb="0" eb="1">
      <t>ワタリ</t>
    </rPh>
    <rPh sb="1" eb="2">
      <t>ツ</t>
    </rPh>
    <rPh sb="2" eb="5">
      <t>ホウカゴ</t>
    </rPh>
    <rPh sb="5" eb="7">
      <t>ジドウ</t>
    </rPh>
    <phoneticPr fontId="2"/>
  </si>
  <si>
    <t>川波放課後児童クラブ</t>
    <rPh sb="0" eb="2">
      <t>カワナミ</t>
    </rPh>
    <rPh sb="2" eb="5">
      <t>ホウカゴ</t>
    </rPh>
    <rPh sb="5" eb="7">
      <t>ジドウ</t>
    </rPh>
    <phoneticPr fontId="2"/>
  </si>
  <si>
    <t>郷田放課後児童クラブ</t>
    <rPh sb="0" eb="2">
      <t>ゴウダ</t>
    </rPh>
    <rPh sb="2" eb="5">
      <t>ホウカゴ</t>
    </rPh>
    <rPh sb="5" eb="7">
      <t>ジドウ</t>
    </rPh>
    <phoneticPr fontId="2"/>
  </si>
  <si>
    <t>江津市二宮町神主イ1215</t>
    <rPh sb="0" eb="3">
      <t>ゴウツシ</t>
    </rPh>
    <rPh sb="3" eb="5">
      <t>ニノミヤ</t>
    </rPh>
    <rPh sb="5" eb="6">
      <t>チョウ</t>
    </rPh>
    <rPh sb="6" eb="8">
      <t>カンヌシ</t>
    </rPh>
    <phoneticPr fontId="1"/>
  </si>
  <si>
    <t>江津市嘉久志町イ645</t>
    <rPh sb="0" eb="3">
      <t>ゴウツシ</t>
    </rPh>
    <rPh sb="3" eb="7">
      <t>カクシチョウ</t>
    </rPh>
    <phoneticPr fontId="1"/>
  </si>
  <si>
    <t>江津市後地町1035</t>
    <rPh sb="0" eb="3">
      <t>ゴウツシ</t>
    </rPh>
    <rPh sb="3" eb="4">
      <t>ウシロ</t>
    </rPh>
    <rPh sb="4" eb="5">
      <t>チ</t>
    </rPh>
    <rPh sb="5" eb="6">
      <t>チョウ</t>
    </rPh>
    <phoneticPr fontId="1"/>
  </si>
  <si>
    <t>江津市桜江町川戸1280</t>
    <rPh sb="0" eb="3">
      <t>ゴウツシ</t>
    </rPh>
    <rPh sb="3" eb="6">
      <t>サクラエチョウ</t>
    </rPh>
    <rPh sb="6" eb="8">
      <t>カワド</t>
    </rPh>
    <phoneticPr fontId="1"/>
  </si>
  <si>
    <t>江津市渡津町674-1</t>
    <rPh sb="0" eb="3">
      <t>ゴウツシ</t>
    </rPh>
    <rPh sb="3" eb="4">
      <t>ワタリ</t>
    </rPh>
    <rPh sb="4" eb="5">
      <t>ツ</t>
    </rPh>
    <rPh sb="5" eb="6">
      <t>チョウ</t>
    </rPh>
    <phoneticPr fontId="1"/>
  </si>
  <si>
    <t>江津市敬川町2251-2</t>
    <rPh sb="0" eb="3">
      <t>ゴウツシ</t>
    </rPh>
    <rPh sb="3" eb="6">
      <t>ウヤガワチョウ</t>
    </rPh>
    <phoneticPr fontId="1"/>
  </si>
  <si>
    <t>江津市江津町536</t>
    <rPh sb="0" eb="3">
      <t>ゴウツシ</t>
    </rPh>
    <rPh sb="3" eb="6">
      <t>ゴウツチョウ</t>
    </rPh>
    <phoneticPr fontId="1"/>
  </si>
  <si>
    <t>695-0024</t>
    <phoneticPr fontId="1"/>
  </si>
  <si>
    <t>695-0016</t>
    <phoneticPr fontId="1"/>
  </si>
  <si>
    <t>699-2841</t>
    <phoneticPr fontId="1"/>
  </si>
  <si>
    <t>699-4226</t>
    <phoneticPr fontId="1"/>
  </si>
  <si>
    <t>695-0001</t>
    <phoneticPr fontId="1"/>
  </si>
  <si>
    <t>699-3162</t>
    <phoneticPr fontId="1"/>
  </si>
  <si>
    <t>695-0011</t>
    <phoneticPr fontId="1"/>
  </si>
  <si>
    <t>ひまわり児童クラブ</t>
    <phoneticPr fontId="1"/>
  </si>
  <si>
    <t>安来市伯太町母里28</t>
    <rPh sb="0" eb="3">
      <t>ヤスギシ</t>
    </rPh>
    <rPh sb="3" eb="5">
      <t>ハクタ</t>
    </rPh>
    <rPh sb="5" eb="6">
      <t>マチ</t>
    </rPh>
    <rPh sb="6" eb="7">
      <t>ハハ</t>
    </rPh>
    <rPh sb="7" eb="8">
      <t>サト</t>
    </rPh>
    <phoneticPr fontId="1"/>
  </si>
  <si>
    <t>安来市清井町323-1</t>
    <rPh sb="0" eb="3">
      <t>ヤスギシ</t>
    </rPh>
    <rPh sb="3" eb="6">
      <t>キヨイチョウ</t>
    </rPh>
    <phoneticPr fontId="1"/>
  </si>
  <si>
    <t>安来市安来町843-3</t>
    <rPh sb="0" eb="3">
      <t>ヤスギシ</t>
    </rPh>
    <rPh sb="3" eb="5">
      <t>ヤスギ</t>
    </rPh>
    <rPh sb="5" eb="6">
      <t>マチ</t>
    </rPh>
    <phoneticPr fontId="1"/>
  </si>
  <si>
    <t>鹿足郡吉賀町六日市739-3</t>
    <rPh sb="0" eb="2">
      <t>カノアシ</t>
    </rPh>
    <rPh sb="2" eb="3">
      <t>グン</t>
    </rPh>
    <rPh sb="3" eb="6">
      <t>ヨシカチョウ</t>
    </rPh>
    <rPh sb="6" eb="9">
      <t>ムイカイチ</t>
    </rPh>
    <phoneticPr fontId="2"/>
  </si>
  <si>
    <t>鹿足郡吉賀町朝倉991-1</t>
    <rPh sb="0" eb="2">
      <t>カノアシ</t>
    </rPh>
    <rPh sb="2" eb="3">
      <t>グン</t>
    </rPh>
    <rPh sb="3" eb="6">
      <t>ヨシカチョウ</t>
    </rPh>
    <rPh sb="6" eb="8">
      <t>アサクラ</t>
    </rPh>
    <phoneticPr fontId="2"/>
  </si>
  <si>
    <t>鹿足郡吉賀町七日市942-5</t>
    <rPh sb="0" eb="2">
      <t>カノアシ</t>
    </rPh>
    <rPh sb="2" eb="3">
      <t>グン</t>
    </rPh>
    <rPh sb="3" eb="6">
      <t>ヨシカチョウ</t>
    </rPh>
    <rPh sb="6" eb="8">
      <t>ナノカ</t>
    </rPh>
    <rPh sb="8" eb="9">
      <t>シ</t>
    </rPh>
    <phoneticPr fontId="2"/>
  </si>
  <si>
    <t>隠岐郡海士町海士13</t>
    <rPh sb="0" eb="2">
      <t>オキ</t>
    </rPh>
    <rPh sb="2" eb="3">
      <t>グン</t>
    </rPh>
    <rPh sb="3" eb="6">
      <t>アマチョウ</t>
    </rPh>
    <rPh sb="6" eb="8">
      <t>アマ</t>
    </rPh>
    <phoneticPr fontId="1"/>
  </si>
  <si>
    <t>海士町放課後児童クラブ</t>
    <rPh sb="0" eb="3">
      <t>アマチョウ</t>
    </rPh>
    <rPh sb="3" eb="6">
      <t>ホウカゴ</t>
    </rPh>
    <rPh sb="6" eb="8">
      <t>ジドウ</t>
    </rPh>
    <phoneticPr fontId="1"/>
  </si>
  <si>
    <t>安来市飯梨町445-1</t>
    <rPh sb="0" eb="3">
      <t>ヤスギシ</t>
    </rPh>
    <rPh sb="3" eb="6">
      <t>イイナシチョウ</t>
    </rPh>
    <phoneticPr fontId="1"/>
  </si>
  <si>
    <t>安来市清井町763</t>
    <rPh sb="0" eb="2">
      <t>ヤスギ</t>
    </rPh>
    <rPh sb="2" eb="3">
      <t>シ</t>
    </rPh>
    <rPh sb="3" eb="6">
      <t>キヨイチョウ</t>
    </rPh>
    <phoneticPr fontId="1"/>
  </si>
  <si>
    <t>安来市荒島町2728</t>
    <rPh sb="0" eb="3">
      <t>ヤスギシ</t>
    </rPh>
    <rPh sb="3" eb="5">
      <t>アラシマ</t>
    </rPh>
    <rPh sb="5" eb="6">
      <t>マチ</t>
    </rPh>
    <phoneticPr fontId="1"/>
  </si>
  <si>
    <t>安来市赤江町1740-1</t>
    <rPh sb="0" eb="3">
      <t>ヤスギシ</t>
    </rPh>
    <rPh sb="3" eb="6">
      <t>アカエマチ</t>
    </rPh>
    <phoneticPr fontId="1"/>
  </si>
  <si>
    <t>邑智郡邑南町矢上3836</t>
    <rPh sb="0" eb="3">
      <t>オオチグン</t>
    </rPh>
    <rPh sb="3" eb="6">
      <t>オオナンチョウ</t>
    </rPh>
    <rPh sb="6" eb="8">
      <t>ヤガミ</t>
    </rPh>
    <phoneticPr fontId="1"/>
  </si>
  <si>
    <t>邑智郡邑南町日貫3330-3</t>
    <rPh sb="0" eb="8">
      <t>699-4311</t>
    </rPh>
    <phoneticPr fontId="1"/>
  </si>
  <si>
    <t>邑智郡邑南町下田所282-1</t>
    <rPh sb="0" eb="3">
      <t>オオチグン</t>
    </rPh>
    <rPh sb="3" eb="6">
      <t>オオナンチョウ</t>
    </rPh>
    <rPh sb="6" eb="7">
      <t>シモ</t>
    </rPh>
    <rPh sb="7" eb="9">
      <t>タドコロ</t>
    </rPh>
    <phoneticPr fontId="1"/>
  </si>
  <si>
    <t>邑智郡邑南町高見3014-3</t>
    <rPh sb="0" eb="3">
      <t>オオチグン</t>
    </rPh>
    <rPh sb="3" eb="6">
      <t>オオナンチョウ</t>
    </rPh>
    <rPh sb="6" eb="8">
      <t>タカミ</t>
    </rPh>
    <phoneticPr fontId="1"/>
  </si>
  <si>
    <t>邑智郡邑南町市木2093-1</t>
    <rPh sb="0" eb="3">
      <t>オオチグン</t>
    </rPh>
    <rPh sb="3" eb="6">
      <t>オオナンチョウ</t>
    </rPh>
    <rPh sb="6" eb="8">
      <t>イチギ</t>
    </rPh>
    <phoneticPr fontId="1"/>
  </si>
  <si>
    <t>浜田市黒川町3738-4</t>
    <rPh sb="0" eb="3">
      <t>ハマダシ</t>
    </rPh>
    <rPh sb="3" eb="5">
      <t>クロカワ</t>
    </rPh>
    <rPh sb="5" eb="6">
      <t>チョウ</t>
    </rPh>
    <phoneticPr fontId="1"/>
  </si>
  <si>
    <t>浜田市港町208</t>
    <rPh sb="0" eb="3">
      <t>ハマダシ</t>
    </rPh>
    <rPh sb="3" eb="5">
      <t>ミナトマチ</t>
    </rPh>
    <phoneticPr fontId="1"/>
  </si>
  <si>
    <t>浜田市周布町イ63-3</t>
    <rPh sb="0" eb="2">
      <t>ハマダ</t>
    </rPh>
    <rPh sb="2" eb="3">
      <t>シ</t>
    </rPh>
    <rPh sb="3" eb="6">
      <t>スフチョウ</t>
    </rPh>
    <phoneticPr fontId="1"/>
  </si>
  <si>
    <t>浜田市日脚町1053-8</t>
    <rPh sb="0" eb="3">
      <t>ハマダシ</t>
    </rPh>
    <rPh sb="3" eb="4">
      <t>ヒ</t>
    </rPh>
    <rPh sb="4" eb="5">
      <t>アシ</t>
    </rPh>
    <rPh sb="5" eb="6">
      <t>チョウ</t>
    </rPh>
    <phoneticPr fontId="1"/>
  </si>
  <si>
    <t>浜田市竹迫町2396-2</t>
    <rPh sb="0" eb="3">
      <t>ハマダシ</t>
    </rPh>
    <rPh sb="3" eb="4">
      <t>タケ</t>
    </rPh>
    <rPh sb="4" eb="5">
      <t>サコ</t>
    </rPh>
    <rPh sb="5" eb="6">
      <t>チョウ</t>
    </rPh>
    <phoneticPr fontId="1"/>
  </si>
  <si>
    <t>浜田市浅井町1415-2</t>
    <rPh sb="0" eb="3">
      <t>ハマダシ</t>
    </rPh>
    <rPh sb="3" eb="6">
      <t>アサイチョウ</t>
    </rPh>
    <phoneticPr fontId="1"/>
  </si>
  <si>
    <t>浜田市下府町2164-81</t>
    <rPh sb="0" eb="3">
      <t>ハマダシ</t>
    </rPh>
    <rPh sb="3" eb="4">
      <t>シモ</t>
    </rPh>
    <rPh sb="4" eb="5">
      <t>フ</t>
    </rPh>
    <rPh sb="5" eb="6">
      <t>チョウ</t>
    </rPh>
    <phoneticPr fontId="1"/>
  </si>
  <si>
    <t>浜田市長浜町1</t>
    <rPh sb="0" eb="1">
      <t>ハマ</t>
    </rPh>
    <rPh sb="1" eb="2">
      <t>タ</t>
    </rPh>
    <rPh sb="2" eb="3">
      <t>シ</t>
    </rPh>
    <rPh sb="3" eb="5">
      <t>ナガハマ</t>
    </rPh>
    <rPh sb="5" eb="6">
      <t>チョウ</t>
    </rPh>
    <phoneticPr fontId="1"/>
  </si>
  <si>
    <t>浜田市原井町1045</t>
    <rPh sb="0" eb="3">
      <t>ハマダシ</t>
    </rPh>
    <rPh sb="3" eb="6">
      <t>ハライチョウ</t>
    </rPh>
    <phoneticPr fontId="1"/>
  </si>
  <si>
    <t>浜田市内田町1117-2</t>
    <rPh sb="0" eb="3">
      <t>ハマダシ</t>
    </rPh>
    <rPh sb="3" eb="6">
      <t>ウチダチョウ</t>
    </rPh>
    <phoneticPr fontId="1"/>
  </si>
  <si>
    <t>浜田市金城町今福1422-3</t>
    <rPh sb="0" eb="3">
      <t>ハマダシ</t>
    </rPh>
    <rPh sb="3" eb="4">
      <t>キン</t>
    </rPh>
    <rPh sb="4" eb="5">
      <t>シロ</t>
    </rPh>
    <rPh sb="5" eb="6">
      <t>チョウ</t>
    </rPh>
    <rPh sb="6" eb="8">
      <t>イマフク</t>
    </rPh>
    <phoneticPr fontId="1"/>
  </si>
  <si>
    <t>浜田市旭町今市615</t>
    <rPh sb="0" eb="3">
      <t>ハマダシ</t>
    </rPh>
    <rPh sb="3" eb="5">
      <t>アサヒチョウ</t>
    </rPh>
    <rPh sb="5" eb="7">
      <t>イマイチ</t>
    </rPh>
    <phoneticPr fontId="1"/>
  </si>
  <si>
    <t>浜田市三隅町古市場450</t>
    <rPh sb="0" eb="3">
      <t>ハマダシ</t>
    </rPh>
    <rPh sb="3" eb="5">
      <t>ミスミ</t>
    </rPh>
    <rPh sb="5" eb="6">
      <t>チョウ</t>
    </rPh>
    <rPh sb="6" eb="9">
      <t>フルイチバ</t>
    </rPh>
    <phoneticPr fontId="1"/>
  </si>
  <si>
    <t>浜田市三隅町岡見516</t>
    <rPh sb="0" eb="3">
      <t>ハマダシ</t>
    </rPh>
    <rPh sb="3" eb="5">
      <t>ミスミ</t>
    </rPh>
    <rPh sb="5" eb="6">
      <t>チョウ</t>
    </rPh>
    <rPh sb="6" eb="8">
      <t>オカミ</t>
    </rPh>
    <phoneticPr fontId="1"/>
  </si>
  <si>
    <t>浜田市弥栄町長安本郷325-1</t>
    <rPh sb="0" eb="3">
      <t>ハマダシ</t>
    </rPh>
    <rPh sb="3" eb="6">
      <t>ヤサカチョウ</t>
    </rPh>
    <rPh sb="6" eb="8">
      <t>ナガヤス</t>
    </rPh>
    <rPh sb="8" eb="10">
      <t>ホンゴウ</t>
    </rPh>
    <phoneticPr fontId="1"/>
  </si>
  <si>
    <t>コスモス児童クラブ</t>
    <rPh sb="4" eb="6">
      <t>ジドウ</t>
    </rPh>
    <phoneticPr fontId="1"/>
  </si>
  <si>
    <t>いるか児童クラブ</t>
    <rPh sb="3" eb="5">
      <t>ジドウ</t>
    </rPh>
    <phoneticPr fontId="1"/>
  </si>
  <si>
    <t>掛合放課後児童クラブ</t>
    <rPh sb="2" eb="5">
      <t>ホウカゴ</t>
    </rPh>
    <rPh sb="5" eb="7">
      <t>ジドウ</t>
    </rPh>
    <phoneticPr fontId="1"/>
  </si>
  <si>
    <t>寺領児童クラブ</t>
    <phoneticPr fontId="1"/>
  </si>
  <si>
    <t>雲南市木次町寺領612</t>
    <phoneticPr fontId="1"/>
  </si>
  <si>
    <t>699-1322</t>
    <phoneticPr fontId="1"/>
  </si>
  <si>
    <t>出雲市大津町394</t>
    <phoneticPr fontId="1"/>
  </si>
  <si>
    <t>出雲市大津町588-4</t>
    <phoneticPr fontId="1"/>
  </si>
  <si>
    <t>出雲市荻杼町211-1</t>
    <rPh sb="3" eb="6">
      <t>オギトチチョウ</t>
    </rPh>
    <phoneticPr fontId="1"/>
  </si>
  <si>
    <t>出雲市湖陵町二部1117</t>
    <phoneticPr fontId="1"/>
  </si>
  <si>
    <t>益田市高津5-9-45</t>
    <rPh sb="0" eb="3">
      <t>マスダシ</t>
    </rPh>
    <rPh sb="3" eb="5">
      <t>タカツ</t>
    </rPh>
    <phoneticPr fontId="1"/>
  </si>
  <si>
    <t>トマト第４児童クラブ</t>
    <phoneticPr fontId="1"/>
  </si>
  <si>
    <t>698-0042</t>
  </si>
  <si>
    <t>益田市水分町11-3</t>
    <phoneticPr fontId="1"/>
  </si>
  <si>
    <t>698-0032</t>
    <phoneticPr fontId="1"/>
  </si>
  <si>
    <t>あおぞら児童クラブ3号館</t>
    <rPh sb="4" eb="6">
      <t>ジドウ</t>
    </rPh>
    <rPh sb="10" eb="12">
      <t>ゴウカン</t>
    </rPh>
    <phoneticPr fontId="2"/>
  </si>
  <si>
    <t>ウィズキッズ東本町校</t>
    <rPh sb="6" eb="7">
      <t>ヒガシ</t>
    </rPh>
    <rPh sb="7" eb="9">
      <t>ホンマチ</t>
    </rPh>
    <rPh sb="9" eb="10">
      <t>コウ</t>
    </rPh>
    <phoneticPr fontId="2"/>
  </si>
  <si>
    <t>ウィズキッズ春日校</t>
    <rPh sb="6" eb="8">
      <t>カスガ</t>
    </rPh>
    <rPh sb="8" eb="9">
      <t>コウ</t>
    </rPh>
    <phoneticPr fontId="2"/>
  </si>
  <si>
    <t>松江市古志原4-6-1</t>
    <phoneticPr fontId="1"/>
  </si>
  <si>
    <t>松江市古志原4-6-1</t>
    <phoneticPr fontId="1"/>
  </si>
  <si>
    <t>松江市大庭町1074</t>
    <phoneticPr fontId="1"/>
  </si>
  <si>
    <t>松江市東奥谷町229</t>
    <phoneticPr fontId="1"/>
  </si>
  <si>
    <t>松江市北田町273</t>
    <phoneticPr fontId="1"/>
  </si>
  <si>
    <t>松江市西川津町500</t>
    <phoneticPr fontId="1"/>
  </si>
  <si>
    <t>松江市八幡町379-1</t>
    <phoneticPr fontId="1"/>
  </si>
  <si>
    <t>松江市東津田町1182-3</t>
    <phoneticPr fontId="1"/>
  </si>
  <si>
    <t>松江市内中原町225</t>
    <phoneticPr fontId="1"/>
  </si>
  <si>
    <t>松江市浜乃木5-1-10</t>
    <phoneticPr fontId="1"/>
  </si>
  <si>
    <t>松江市浜乃木5-1-5</t>
    <phoneticPr fontId="1"/>
  </si>
  <si>
    <t>松江市古曽志町1759</t>
    <phoneticPr fontId="1"/>
  </si>
  <si>
    <t>松江市東持田町61-1</t>
    <phoneticPr fontId="1"/>
  </si>
  <si>
    <t>松江市雑賀町586</t>
    <phoneticPr fontId="1"/>
  </si>
  <si>
    <t>松江市西生馬町8</t>
    <phoneticPr fontId="1"/>
  </si>
  <si>
    <t>松江市大正町398</t>
    <phoneticPr fontId="1"/>
  </si>
  <si>
    <t>松江市灘町1-23</t>
    <phoneticPr fontId="1"/>
  </si>
  <si>
    <t>松江市比津町231-1</t>
    <phoneticPr fontId="1"/>
  </si>
  <si>
    <t>松江市比津町316-7</t>
    <phoneticPr fontId="1"/>
  </si>
  <si>
    <t>松江市朝酌町115</t>
    <phoneticPr fontId="1"/>
  </si>
  <si>
    <t>松江市玉湯町玉造4</t>
    <phoneticPr fontId="1"/>
  </si>
  <si>
    <t>松江市宍道町宍道1276</t>
    <phoneticPr fontId="1"/>
  </si>
  <si>
    <t>松江市宍道町上来待125</t>
    <phoneticPr fontId="1"/>
  </si>
  <si>
    <t>松江市八雲町東岩坂111-5</t>
    <phoneticPr fontId="1"/>
  </si>
  <si>
    <t>松江市八束町波入1975</t>
    <phoneticPr fontId="1"/>
  </si>
  <si>
    <t>松江市岡本町70</t>
    <phoneticPr fontId="1"/>
  </si>
  <si>
    <t>松江市鹿島町手結201</t>
    <phoneticPr fontId="1"/>
  </si>
  <si>
    <t>松江市邑生町76-3</t>
    <phoneticPr fontId="1"/>
  </si>
  <si>
    <t>松江市上大野町1826</t>
    <phoneticPr fontId="1"/>
  </si>
  <si>
    <t>松江市美保関町下宇部尾555-1</t>
    <phoneticPr fontId="1"/>
  </si>
  <si>
    <t>松江市東出雲町揖屋2131-3</t>
    <phoneticPr fontId="1"/>
  </si>
  <si>
    <t>松江市東出雲町出雲郷1807-2</t>
    <phoneticPr fontId="1"/>
  </si>
  <si>
    <t>松江市東出雲町意宇南5-3-1</t>
    <phoneticPr fontId="1"/>
  </si>
  <si>
    <t>松江市東出雲町下意東371</t>
    <phoneticPr fontId="1"/>
  </si>
  <si>
    <t>松江市東忌部町904-1</t>
    <phoneticPr fontId="1"/>
  </si>
  <si>
    <t>松江市島根町加賀1325-1</t>
    <phoneticPr fontId="1"/>
  </si>
  <si>
    <t>松江市鹿島町佐陀本郷2440-1</t>
    <phoneticPr fontId="1"/>
  </si>
  <si>
    <t>佐太児童クラブ</t>
    <phoneticPr fontId="1"/>
  </si>
  <si>
    <t>690-0332</t>
    <phoneticPr fontId="1"/>
  </si>
  <si>
    <t>松江市西津田7-9-5</t>
    <phoneticPr fontId="1"/>
  </si>
  <si>
    <t>松江市乃白町163-1</t>
    <phoneticPr fontId="1"/>
  </si>
  <si>
    <t>松江市東出雲町意宇東3-3-1</t>
    <phoneticPr fontId="1"/>
  </si>
  <si>
    <t>松江市比津が丘4-2-34</t>
    <phoneticPr fontId="1"/>
  </si>
  <si>
    <t>松江市内中原町320-17</t>
    <phoneticPr fontId="1"/>
  </si>
  <si>
    <t>松江市東岩坂393-1</t>
    <phoneticPr fontId="1"/>
  </si>
  <si>
    <t>松江市大庭町1132</t>
    <phoneticPr fontId="1"/>
  </si>
  <si>
    <t>松江市学園2-7-10</t>
    <phoneticPr fontId="1"/>
  </si>
  <si>
    <t>松江市西津田9-2-40</t>
    <phoneticPr fontId="1"/>
  </si>
  <si>
    <t>松江市西津田2-9-4</t>
    <phoneticPr fontId="1"/>
  </si>
  <si>
    <t>松江市東本町4-126　Sビル2階</t>
    <phoneticPr fontId="1"/>
  </si>
  <si>
    <t>広瀬っ子クラブ</t>
    <rPh sb="0" eb="2">
      <t>ヒロセ</t>
    </rPh>
    <rPh sb="3" eb="4">
      <t>コ</t>
    </rPh>
    <phoneticPr fontId="1"/>
  </si>
  <si>
    <t>安来市伯太町赤屋116-6</t>
    <rPh sb="0" eb="3">
      <t>ヤスギシ</t>
    </rPh>
    <rPh sb="3" eb="5">
      <t>ハクタ</t>
    </rPh>
    <rPh sb="5" eb="6">
      <t>マチ</t>
    </rPh>
    <rPh sb="6" eb="7">
      <t>アカ</t>
    </rPh>
    <rPh sb="7" eb="8">
      <t>ヤ</t>
    </rPh>
    <phoneticPr fontId="1"/>
  </si>
  <si>
    <t>スマイル</t>
    <phoneticPr fontId="2"/>
  </si>
  <si>
    <t>仁多郡奥出雲町三成407-5</t>
    <rPh sb="0" eb="2">
      <t>ニタ</t>
    </rPh>
    <rPh sb="2" eb="3">
      <t>グン</t>
    </rPh>
    <rPh sb="3" eb="6">
      <t>オクイズモ</t>
    </rPh>
    <rPh sb="6" eb="7">
      <t>マチ</t>
    </rPh>
    <phoneticPr fontId="1"/>
  </si>
  <si>
    <t>仁多郡奥出雲町横田1125</t>
    <rPh sb="3" eb="7">
      <t>オクイズモチョウ</t>
    </rPh>
    <rPh sb="7" eb="9">
      <t>ヨコタ</t>
    </rPh>
    <phoneticPr fontId="1"/>
  </si>
  <si>
    <t>あい児童クラブ</t>
    <rPh sb="2" eb="4">
      <t>ジドウ</t>
    </rPh>
    <phoneticPr fontId="2"/>
  </si>
  <si>
    <t>仁多郡奥出雲町上阿井205</t>
    <rPh sb="3" eb="7">
      <t>オクイズモチョウ</t>
    </rPh>
    <rPh sb="7" eb="8">
      <t>ウエ</t>
    </rPh>
    <rPh sb="8" eb="9">
      <t>ア</t>
    </rPh>
    <phoneticPr fontId="1"/>
  </si>
  <si>
    <t>仁多郡奥出雲町大馬木1858-2</t>
    <rPh sb="3" eb="7">
      <t>オク</t>
    </rPh>
    <rPh sb="7" eb="8">
      <t>オオ</t>
    </rPh>
    <rPh sb="8" eb="9">
      <t>ウマ</t>
    </rPh>
    <rPh sb="9" eb="10">
      <t>キ</t>
    </rPh>
    <phoneticPr fontId="1"/>
  </si>
  <si>
    <t>まき児童クラブ</t>
    <rPh sb="2" eb="4">
      <t>ジドウ</t>
    </rPh>
    <phoneticPr fontId="2"/>
  </si>
  <si>
    <t>仁多郡奥出雲町1324-8</t>
    <rPh sb="3" eb="7">
      <t>オクイズモチョウ</t>
    </rPh>
    <phoneticPr fontId="1"/>
  </si>
  <si>
    <t>ふせ児童クラブ</t>
    <rPh sb="2" eb="4">
      <t>ジドウ</t>
    </rPh>
    <phoneticPr fontId="2"/>
  </si>
  <si>
    <t>やかわ児童クラブ</t>
    <phoneticPr fontId="2"/>
  </si>
  <si>
    <t>仁多郡奥出雲町下横田509-1</t>
    <rPh sb="3" eb="7">
      <t>オクイズモチョウ</t>
    </rPh>
    <rPh sb="7" eb="10">
      <t>シモヨコタ</t>
    </rPh>
    <phoneticPr fontId="1"/>
  </si>
  <si>
    <t>仁多郡奥出雲町大呂1127-4</t>
    <rPh sb="3" eb="7">
      <t>オク</t>
    </rPh>
    <rPh sb="7" eb="9">
      <t>オオロ</t>
    </rPh>
    <phoneticPr fontId="1"/>
  </si>
  <si>
    <t>とりかみ児童クラブ</t>
    <rPh sb="4" eb="6">
      <t>ジドウ</t>
    </rPh>
    <phoneticPr fontId="2"/>
  </si>
  <si>
    <t>仁多郡奥出雲町亀嵩2204-2</t>
    <rPh sb="3" eb="7">
      <t>オク</t>
    </rPh>
    <rPh sb="7" eb="9">
      <t>カメダケ</t>
    </rPh>
    <phoneticPr fontId="1"/>
  </si>
  <si>
    <t>かめだけ児童クラブ</t>
    <rPh sb="4" eb="6">
      <t>ジドウ</t>
    </rPh>
    <phoneticPr fontId="2"/>
  </si>
  <si>
    <t>みざわ児童クラブ</t>
    <phoneticPr fontId="2"/>
  </si>
  <si>
    <t>仁多郡奥出雲町三沢384-1</t>
    <rPh sb="3" eb="7">
      <t>オク</t>
    </rPh>
    <rPh sb="7" eb="9">
      <t>ミサワ</t>
    </rPh>
    <phoneticPr fontId="1"/>
  </si>
  <si>
    <t>大田市大田町大田イ254-1</t>
    <rPh sb="0" eb="3">
      <t>オオダシ</t>
    </rPh>
    <rPh sb="3" eb="5">
      <t>オオダ</t>
    </rPh>
    <rPh sb="5" eb="6">
      <t>チョウ</t>
    </rPh>
    <rPh sb="6" eb="8">
      <t>オオダ</t>
    </rPh>
    <phoneticPr fontId="1"/>
  </si>
  <si>
    <t>大田市波根町15</t>
    <rPh sb="0" eb="3">
      <t>オオダシ</t>
    </rPh>
    <rPh sb="3" eb="5">
      <t>ハネ</t>
    </rPh>
    <rPh sb="5" eb="6">
      <t>チョウ</t>
    </rPh>
    <phoneticPr fontId="1"/>
  </si>
  <si>
    <t>大田市久手町波根西1941-10</t>
    <rPh sb="0" eb="3">
      <t>オオダシ</t>
    </rPh>
    <rPh sb="3" eb="6">
      <t>クテチョウ</t>
    </rPh>
    <rPh sb="6" eb="9">
      <t>ハネニシ</t>
    </rPh>
    <phoneticPr fontId="1"/>
  </si>
  <si>
    <t>694-0051</t>
    <phoneticPr fontId="1"/>
  </si>
  <si>
    <t>きべっこクラブ</t>
    <phoneticPr fontId="2"/>
  </si>
  <si>
    <t>鹿足郡津和野町中川567</t>
    <phoneticPr fontId="1"/>
  </si>
  <si>
    <t>畑迫あじさい児童クラブ</t>
    <phoneticPr fontId="1"/>
  </si>
  <si>
    <t>鹿足郡津和野町部栄375</t>
    <phoneticPr fontId="1"/>
  </si>
  <si>
    <t>鹿足郡津和野町森村ロ104</t>
    <phoneticPr fontId="1"/>
  </si>
  <si>
    <t>鹿足郡津和野町日原235</t>
    <phoneticPr fontId="1"/>
  </si>
  <si>
    <t>鹿足郡津和野町青原300</t>
    <phoneticPr fontId="1"/>
  </si>
  <si>
    <t>あおぞらクラブ</t>
    <phoneticPr fontId="2"/>
  </si>
  <si>
    <t>699-5634</t>
    <phoneticPr fontId="1"/>
  </si>
  <si>
    <t>699-5616</t>
    <phoneticPr fontId="1"/>
  </si>
  <si>
    <t>699-5211</t>
    <phoneticPr fontId="1"/>
  </si>
  <si>
    <t>邑智郡美郷町都賀西311-4</t>
    <phoneticPr fontId="1"/>
  </si>
  <si>
    <t>邑智郡美郷町別府8-5</t>
    <phoneticPr fontId="1"/>
  </si>
  <si>
    <t>邑智郡美郷町粕渕93</t>
    <phoneticPr fontId="1"/>
  </si>
  <si>
    <t>隠岐郡西ノ島町別府149-5</t>
    <rPh sb="0" eb="3">
      <t>オキグン</t>
    </rPh>
    <phoneticPr fontId="1"/>
  </si>
  <si>
    <t>隠岐郡隠岐の島町西町大城の一16-9</t>
    <phoneticPr fontId="1"/>
  </si>
  <si>
    <t>隠岐郡隠岐の島町下西166-2</t>
    <rPh sb="8" eb="9">
      <t>シモ</t>
    </rPh>
    <rPh sb="9" eb="10">
      <t>ニシ</t>
    </rPh>
    <phoneticPr fontId="1"/>
  </si>
  <si>
    <t>邑智郡邑南町阿須那153-１</t>
    <rPh sb="3" eb="6">
      <t>オオナンチョウ</t>
    </rPh>
    <rPh sb="6" eb="8">
      <t>アズ</t>
    </rPh>
    <rPh sb="8" eb="9">
      <t>ナ</t>
    </rPh>
    <phoneticPr fontId="1"/>
  </si>
  <si>
    <t>邑智郡邑南町下口羽484-1</t>
    <rPh sb="3" eb="6">
      <t>オオナンチョウ</t>
    </rPh>
    <rPh sb="6" eb="7">
      <t>シモ</t>
    </rPh>
    <rPh sb="7" eb="9">
      <t>クチバ</t>
    </rPh>
    <phoneticPr fontId="1"/>
  </si>
  <si>
    <t>松江市堂形町520</t>
    <phoneticPr fontId="1"/>
  </si>
  <si>
    <t>緯度</t>
    <rPh sb="0" eb="2">
      <t>イド</t>
    </rPh>
    <phoneticPr fontId="1"/>
  </si>
  <si>
    <t>経度</t>
    <rPh sb="0" eb="2">
      <t>ケイ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">
    <xf numFmtId="0" fontId="0" fillId="0" borderId="0" xfId="0">
      <alignment vertical="center"/>
    </xf>
    <xf numFmtId="0" fontId="3" fillId="0" borderId="1" xfId="0" applyFont="1" applyFill="1" applyBorder="1" applyAlignment="1">
      <alignment vertical="center"/>
    </xf>
    <xf numFmtId="0" fontId="3" fillId="0" borderId="1" xfId="0" applyNumberFormat="1" applyFont="1" applyFill="1" applyBorder="1" applyAlignment="1">
      <alignment vertical="center"/>
    </xf>
    <xf numFmtId="0" fontId="3" fillId="0" borderId="0" xfId="0" applyFont="1" applyFill="1" applyAlignment="1">
      <alignment vertical="center"/>
    </xf>
    <xf numFmtId="0" fontId="3" fillId="0" borderId="1" xfId="0" applyFont="1" applyFill="1" applyBorder="1" applyAlignment="1" applyProtection="1">
      <alignment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queryTables/queryTable1.xml><?xml version="1.0" encoding="utf-8"?>
<queryTable xmlns="http://schemas.openxmlformats.org/spreadsheetml/2006/main" name="data_05" connectionId="1" autoFormatId="2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12"/>
  <sheetViews>
    <sheetView tabSelected="1" topLeftCell="A211" zoomScaleNormal="100" workbookViewId="0">
      <selection activeCell="C9" sqref="C9"/>
    </sheetView>
  </sheetViews>
  <sheetFormatPr defaultRowHeight="15" customHeight="1" x14ac:dyDescent="0.15"/>
  <cols>
    <col min="1" max="1" width="5.625" style="3" customWidth="1"/>
    <col min="2" max="2" width="10.625" style="3" customWidth="1"/>
    <col min="3" max="3" width="13.125" style="3" customWidth="1"/>
    <col min="4" max="5" width="33.125" style="3" customWidth="1"/>
    <col min="6" max="16384" width="9" style="3"/>
  </cols>
  <sheetData>
    <row r="1" spans="1:7" ht="15" customHeight="1" x14ac:dyDescent="0.15">
      <c r="A1" s="1" t="s">
        <v>20</v>
      </c>
      <c r="B1" s="1" t="s">
        <v>19</v>
      </c>
      <c r="C1" s="1" t="s">
        <v>21</v>
      </c>
      <c r="D1" s="1" t="s">
        <v>22</v>
      </c>
      <c r="E1" s="1" t="s">
        <v>0</v>
      </c>
      <c r="F1" s="1" t="s">
        <v>604</v>
      </c>
      <c r="G1" s="1" t="s">
        <v>605</v>
      </c>
    </row>
    <row r="2" spans="1:7" ht="15" customHeight="1" x14ac:dyDescent="0.15">
      <c r="A2" s="1">
        <v>1</v>
      </c>
      <c r="B2" s="1" t="s">
        <v>101</v>
      </c>
      <c r="C2" s="1" t="s">
        <v>89</v>
      </c>
      <c r="D2" s="1" t="s">
        <v>511</v>
      </c>
      <c r="E2" s="4" t="s">
        <v>34</v>
      </c>
      <c r="F2" s="1">
        <v>35.441893499999999</v>
      </c>
      <c r="G2" s="1">
        <v>133.07513220000001</v>
      </c>
    </row>
    <row r="3" spans="1:7" ht="15" customHeight="1" x14ac:dyDescent="0.15">
      <c r="A3" s="1">
        <v>2</v>
      </c>
      <c r="B3" s="1" t="s">
        <v>101</v>
      </c>
      <c r="C3" s="1" t="s">
        <v>90</v>
      </c>
      <c r="D3" s="1" t="s">
        <v>512</v>
      </c>
      <c r="E3" s="4" t="s">
        <v>35</v>
      </c>
      <c r="F3" s="1">
        <v>35.441893499999999</v>
      </c>
      <c r="G3" s="1">
        <v>133.07513220000001</v>
      </c>
    </row>
    <row r="4" spans="1:7" ht="15" customHeight="1" x14ac:dyDescent="0.15">
      <c r="A4" s="1">
        <v>3</v>
      </c>
      <c r="B4" s="1" t="s">
        <v>101</v>
      </c>
      <c r="C4" s="1" t="s">
        <v>91</v>
      </c>
      <c r="D4" s="1" t="s">
        <v>513</v>
      </c>
      <c r="E4" s="4" t="s">
        <v>55</v>
      </c>
      <c r="F4" s="1">
        <v>35.431655800000001</v>
      </c>
      <c r="G4" s="1">
        <v>133.0804656</v>
      </c>
    </row>
    <row r="5" spans="1:7" ht="15" customHeight="1" x14ac:dyDescent="0.15">
      <c r="A5" s="1">
        <v>4</v>
      </c>
      <c r="B5" s="1" t="s">
        <v>101</v>
      </c>
      <c r="C5" s="1" t="s">
        <v>318</v>
      </c>
      <c r="D5" s="1" t="s">
        <v>513</v>
      </c>
      <c r="E5" s="4" t="s">
        <v>56</v>
      </c>
      <c r="F5" s="1">
        <v>35.431655800000001</v>
      </c>
      <c r="G5" s="1">
        <v>133.0804656</v>
      </c>
    </row>
    <row r="6" spans="1:7" ht="15" customHeight="1" x14ac:dyDescent="0.15">
      <c r="A6" s="1">
        <v>5</v>
      </c>
      <c r="B6" s="1" t="s">
        <v>101</v>
      </c>
      <c r="C6" s="1" t="s">
        <v>92</v>
      </c>
      <c r="D6" s="1" t="s">
        <v>514</v>
      </c>
      <c r="E6" s="4" t="s">
        <v>319</v>
      </c>
      <c r="F6" s="1">
        <v>35.4859492</v>
      </c>
      <c r="G6" s="1">
        <v>133.05333519999999</v>
      </c>
    </row>
    <row r="7" spans="1:7" ht="15" customHeight="1" x14ac:dyDescent="0.15">
      <c r="A7" s="1">
        <v>6</v>
      </c>
      <c r="B7" s="1" t="s">
        <v>101</v>
      </c>
      <c r="C7" s="1" t="s">
        <v>93</v>
      </c>
      <c r="D7" s="1" t="s">
        <v>515</v>
      </c>
      <c r="E7" s="4" t="s">
        <v>57</v>
      </c>
      <c r="F7" s="1">
        <v>35.477014500000003</v>
      </c>
      <c r="G7" s="1">
        <v>133.0651732</v>
      </c>
    </row>
    <row r="8" spans="1:7" ht="15" customHeight="1" x14ac:dyDescent="0.15">
      <c r="A8" s="1">
        <v>7</v>
      </c>
      <c r="B8" s="1" t="s">
        <v>101</v>
      </c>
      <c r="C8" s="1" t="s">
        <v>94</v>
      </c>
      <c r="D8" s="1" t="s">
        <v>516</v>
      </c>
      <c r="E8" s="4" t="s">
        <v>58</v>
      </c>
      <c r="F8" s="1">
        <v>35.487008099999997</v>
      </c>
      <c r="G8" s="1">
        <v>133.0769243</v>
      </c>
    </row>
    <row r="9" spans="1:7" ht="15" customHeight="1" x14ac:dyDescent="0.15">
      <c r="A9" s="1">
        <v>8</v>
      </c>
      <c r="B9" s="1" t="s">
        <v>101</v>
      </c>
      <c r="C9" s="1" t="s">
        <v>94</v>
      </c>
      <c r="D9" s="1" t="s">
        <v>516</v>
      </c>
      <c r="E9" s="4" t="s">
        <v>59</v>
      </c>
      <c r="F9" s="1">
        <v>35.487008099999997</v>
      </c>
      <c r="G9" s="1">
        <v>133.0769243</v>
      </c>
    </row>
    <row r="10" spans="1:7" ht="15" customHeight="1" x14ac:dyDescent="0.15">
      <c r="A10" s="1">
        <v>9</v>
      </c>
      <c r="B10" s="1" t="s">
        <v>101</v>
      </c>
      <c r="C10" s="1" t="s">
        <v>95</v>
      </c>
      <c r="D10" s="1" t="s">
        <v>517</v>
      </c>
      <c r="E10" s="4" t="s">
        <v>60</v>
      </c>
      <c r="F10" s="1">
        <v>35.445034</v>
      </c>
      <c r="G10" s="1">
        <v>133.1184849</v>
      </c>
    </row>
    <row r="11" spans="1:7" ht="15" customHeight="1" x14ac:dyDescent="0.15">
      <c r="A11" s="1">
        <v>10</v>
      </c>
      <c r="B11" s="1" t="s">
        <v>101</v>
      </c>
      <c r="C11" s="1" t="s">
        <v>95</v>
      </c>
      <c r="D11" s="1" t="s">
        <v>517</v>
      </c>
      <c r="E11" s="4" t="s">
        <v>36</v>
      </c>
      <c r="F11" s="1">
        <v>35.445034</v>
      </c>
      <c r="G11" s="1">
        <v>133.1184849</v>
      </c>
    </row>
    <row r="12" spans="1:7" ht="15" customHeight="1" x14ac:dyDescent="0.15">
      <c r="A12" s="1">
        <v>11</v>
      </c>
      <c r="B12" s="1" t="s">
        <v>101</v>
      </c>
      <c r="C12" s="1" t="s">
        <v>96</v>
      </c>
      <c r="D12" s="1" t="s">
        <v>518</v>
      </c>
      <c r="E12" s="4" t="s">
        <v>61</v>
      </c>
      <c r="F12" s="1">
        <v>35.457372599999999</v>
      </c>
      <c r="G12" s="1">
        <v>133.0814116</v>
      </c>
    </row>
    <row r="13" spans="1:7" ht="15" customHeight="1" x14ac:dyDescent="0.15">
      <c r="A13" s="1">
        <v>12</v>
      </c>
      <c r="B13" s="1" t="s">
        <v>101</v>
      </c>
      <c r="C13" s="1" t="s">
        <v>96</v>
      </c>
      <c r="D13" s="1" t="s">
        <v>518</v>
      </c>
      <c r="E13" s="4" t="s">
        <v>62</v>
      </c>
      <c r="F13" s="1">
        <v>35.457372599999999</v>
      </c>
      <c r="G13" s="1">
        <v>133.0814116</v>
      </c>
    </row>
    <row r="14" spans="1:7" ht="15" customHeight="1" x14ac:dyDescent="0.15">
      <c r="A14" s="1">
        <v>13</v>
      </c>
      <c r="B14" s="1" t="s">
        <v>101</v>
      </c>
      <c r="C14" s="1" t="s">
        <v>96</v>
      </c>
      <c r="D14" s="1" t="s">
        <v>518</v>
      </c>
      <c r="E14" s="4" t="s">
        <v>63</v>
      </c>
      <c r="F14" s="1">
        <v>35.457372599999999</v>
      </c>
      <c r="G14" s="1">
        <v>133.0814116</v>
      </c>
    </row>
    <row r="15" spans="1:7" ht="15" customHeight="1" x14ac:dyDescent="0.15">
      <c r="A15" s="1">
        <v>14</v>
      </c>
      <c r="B15" s="1" t="s">
        <v>101</v>
      </c>
      <c r="C15" s="1" t="s">
        <v>97</v>
      </c>
      <c r="D15" s="1" t="s">
        <v>519</v>
      </c>
      <c r="E15" s="4" t="s">
        <v>64</v>
      </c>
      <c r="F15" s="1">
        <v>35.472050699999997</v>
      </c>
      <c r="G15" s="1">
        <v>133.0466667</v>
      </c>
    </row>
    <row r="16" spans="1:7" ht="15" customHeight="1" x14ac:dyDescent="0.15">
      <c r="A16" s="1">
        <v>15</v>
      </c>
      <c r="B16" s="1" t="s">
        <v>101</v>
      </c>
      <c r="C16" s="1" t="s">
        <v>97</v>
      </c>
      <c r="D16" s="1" t="s">
        <v>519</v>
      </c>
      <c r="E16" s="4" t="s">
        <v>65</v>
      </c>
      <c r="F16" s="1">
        <v>35.472050699999997</v>
      </c>
      <c r="G16" s="1">
        <v>133.0466667</v>
      </c>
    </row>
    <row r="17" spans="1:7" ht="15" customHeight="1" x14ac:dyDescent="0.15">
      <c r="A17" s="1">
        <v>16</v>
      </c>
      <c r="B17" s="1" t="s">
        <v>101</v>
      </c>
      <c r="C17" s="1" t="s">
        <v>97</v>
      </c>
      <c r="D17" s="1" t="s">
        <v>603</v>
      </c>
      <c r="E17" s="4" t="s">
        <v>37</v>
      </c>
      <c r="F17" s="1">
        <v>35.467782</v>
      </c>
      <c r="G17" s="1">
        <v>133.04325</v>
      </c>
    </row>
    <row r="18" spans="1:7" ht="15" customHeight="1" x14ac:dyDescent="0.15">
      <c r="A18" s="1">
        <v>17</v>
      </c>
      <c r="B18" s="1" t="s">
        <v>101</v>
      </c>
      <c r="C18" s="1" t="s">
        <v>98</v>
      </c>
      <c r="D18" s="1" t="s">
        <v>520</v>
      </c>
      <c r="E18" s="4" t="s">
        <v>66</v>
      </c>
      <c r="F18" s="1">
        <v>35.444904200000003</v>
      </c>
      <c r="G18" s="1">
        <v>133.05450579999999</v>
      </c>
    </row>
    <row r="19" spans="1:7" ht="15" customHeight="1" x14ac:dyDescent="0.15">
      <c r="A19" s="1">
        <v>18</v>
      </c>
      <c r="B19" s="1" t="s">
        <v>101</v>
      </c>
      <c r="C19" s="1" t="s">
        <v>98</v>
      </c>
      <c r="D19" s="1" t="s">
        <v>521</v>
      </c>
      <c r="E19" s="4" t="s">
        <v>67</v>
      </c>
      <c r="F19" s="1">
        <v>35.445776299999999</v>
      </c>
      <c r="G19" s="1">
        <v>133.0550418</v>
      </c>
    </row>
    <row r="20" spans="1:7" ht="15" customHeight="1" x14ac:dyDescent="0.15">
      <c r="A20" s="1">
        <v>19</v>
      </c>
      <c r="B20" s="1" t="s">
        <v>101</v>
      </c>
      <c r="C20" s="1" t="s">
        <v>98</v>
      </c>
      <c r="D20" s="1" t="s">
        <v>520</v>
      </c>
      <c r="E20" s="4" t="s">
        <v>68</v>
      </c>
      <c r="F20" s="1">
        <v>35.444904200000003</v>
      </c>
      <c r="G20" s="1">
        <v>133.05450579999999</v>
      </c>
    </row>
    <row r="21" spans="1:7" ht="15" customHeight="1" x14ac:dyDescent="0.15">
      <c r="A21" s="1">
        <v>20</v>
      </c>
      <c r="B21" s="1" t="s">
        <v>101</v>
      </c>
      <c r="C21" s="1" t="s">
        <v>99</v>
      </c>
      <c r="D21" s="1" t="s">
        <v>522</v>
      </c>
      <c r="E21" s="4" t="s">
        <v>69</v>
      </c>
      <c r="F21" s="1">
        <v>35.485786500000003</v>
      </c>
      <c r="G21" s="1">
        <v>132.9995716</v>
      </c>
    </row>
    <row r="22" spans="1:7" ht="15" customHeight="1" x14ac:dyDescent="0.15">
      <c r="A22" s="1">
        <v>21</v>
      </c>
      <c r="B22" s="1" t="s">
        <v>101</v>
      </c>
      <c r="C22" s="1" t="s">
        <v>100</v>
      </c>
      <c r="D22" s="1" t="s">
        <v>523</v>
      </c>
      <c r="E22" s="4" t="s">
        <v>70</v>
      </c>
      <c r="F22" s="1">
        <v>35.498562399999997</v>
      </c>
      <c r="G22" s="1">
        <v>133.0799068</v>
      </c>
    </row>
    <row r="23" spans="1:7" ht="15" customHeight="1" x14ac:dyDescent="0.15">
      <c r="A23" s="1">
        <v>22</v>
      </c>
      <c r="B23" s="1" t="s">
        <v>101</v>
      </c>
      <c r="C23" s="1" t="s">
        <v>102</v>
      </c>
      <c r="D23" s="1" t="s">
        <v>524</v>
      </c>
      <c r="E23" s="4" t="s">
        <v>71</v>
      </c>
      <c r="F23" s="1">
        <v>35.457025100000003</v>
      </c>
      <c r="G23" s="1">
        <v>133.06133539999999</v>
      </c>
    </row>
    <row r="24" spans="1:7" ht="15" customHeight="1" x14ac:dyDescent="0.15">
      <c r="A24" s="1">
        <v>23</v>
      </c>
      <c r="B24" s="1" t="s">
        <v>101</v>
      </c>
      <c r="C24" s="1" t="s">
        <v>103</v>
      </c>
      <c r="D24" s="1" t="s">
        <v>525</v>
      </c>
      <c r="E24" s="4" t="s">
        <v>72</v>
      </c>
      <c r="F24" s="1">
        <v>35.494841800000003</v>
      </c>
      <c r="G24" s="1">
        <v>133.0258513</v>
      </c>
    </row>
    <row r="25" spans="1:7" ht="15" customHeight="1" x14ac:dyDescent="0.15">
      <c r="A25" s="1">
        <v>24</v>
      </c>
      <c r="B25" s="1" t="s">
        <v>101</v>
      </c>
      <c r="C25" s="1" t="s">
        <v>104</v>
      </c>
      <c r="D25" s="1" t="s">
        <v>526</v>
      </c>
      <c r="E25" s="4" t="s">
        <v>73</v>
      </c>
      <c r="F25" s="1">
        <v>35.461507900000001</v>
      </c>
      <c r="G25" s="1">
        <v>133.06360169999999</v>
      </c>
    </row>
    <row r="26" spans="1:7" ht="15" customHeight="1" x14ac:dyDescent="0.15">
      <c r="A26" s="1">
        <v>25</v>
      </c>
      <c r="B26" s="1" t="s">
        <v>101</v>
      </c>
      <c r="C26" s="1" t="s">
        <v>105</v>
      </c>
      <c r="D26" s="1" t="s">
        <v>527</v>
      </c>
      <c r="E26" s="4" t="s">
        <v>74</v>
      </c>
      <c r="F26" s="1">
        <v>35.463076999999998</v>
      </c>
      <c r="G26" s="1">
        <v>133.05434410000001</v>
      </c>
    </row>
    <row r="27" spans="1:7" ht="15" customHeight="1" x14ac:dyDescent="0.15">
      <c r="A27" s="1">
        <v>26</v>
      </c>
      <c r="B27" s="1" t="s">
        <v>101</v>
      </c>
      <c r="C27" s="1" t="s">
        <v>106</v>
      </c>
      <c r="D27" s="1" t="s">
        <v>528</v>
      </c>
      <c r="E27" s="4" t="s">
        <v>75</v>
      </c>
      <c r="F27" s="1">
        <v>35.486531900000003</v>
      </c>
      <c r="G27" s="1">
        <v>133.0338758</v>
      </c>
    </row>
    <row r="28" spans="1:7" ht="15" customHeight="1" x14ac:dyDescent="0.15">
      <c r="A28" s="1">
        <v>27</v>
      </c>
      <c r="B28" s="1" t="s">
        <v>101</v>
      </c>
      <c r="C28" s="1" t="s">
        <v>106</v>
      </c>
      <c r="D28" s="1" t="s">
        <v>529</v>
      </c>
      <c r="E28" s="4" t="s">
        <v>76</v>
      </c>
      <c r="F28" s="1">
        <v>35.486073699999999</v>
      </c>
      <c r="G28" s="1">
        <v>133.0359923</v>
      </c>
    </row>
    <row r="29" spans="1:7" ht="15" customHeight="1" x14ac:dyDescent="0.15">
      <c r="A29" s="1">
        <v>28</v>
      </c>
      <c r="B29" s="1" t="s">
        <v>101</v>
      </c>
      <c r="C29" s="1" t="s">
        <v>107</v>
      </c>
      <c r="D29" s="1" t="s">
        <v>530</v>
      </c>
      <c r="E29" s="4" t="s">
        <v>77</v>
      </c>
      <c r="F29" s="1">
        <v>35.465217500000001</v>
      </c>
      <c r="G29" s="1">
        <v>133.1047283</v>
      </c>
    </row>
    <row r="30" spans="1:7" ht="15" customHeight="1" x14ac:dyDescent="0.15">
      <c r="A30" s="1">
        <v>29</v>
      </c>
      <c r="B30" s="1" t="s">
        <v>101</v>
      </c>
      <c r="C30" s="1" t="s">
        <v>108</v>
      </c>
      <c r="D30" s="1" t="s">
        <v>531</v>
      </c>
      <c r="E30" s="4" t="s">
        <v>78</v>
      </c>
      <c r="F30" s="1">
        <v>35.426668800000002</v>
      </c>
      <c r="G30" s="1">
        <v>133.00931120000001</v>
      </c>
    </row>
    <row r="31" spans="1:7" ht="15" customHeight="1" x14ac:dyDescent="0.15">
      <c r="A31" s="1">
        <v>30</v>
      </c>
      <c r="B31" s="1" t="s">
        <v>101</v>
      </c>
      <c r="C31" s="1" t="s">
        <v>109</v>
      </c>
      <c r="D31" s="1" t="s">
        <v>532</v>
      </c>
      <c r="E31" s="4" t="s">
        <v>79</v>
      </c>
      <c r="F31" s="1">
        <v>35.403177700000001</v>
      </c>
      <c r="G31" s="1">
        <v>132.90498260000001</v>
      </c>
    </row>
    <row r="32" spans="1:7" ht="15" customHeight="1" x14ac:dyDescent="0.15">
      <c r="A32" s="1">
        <v>31</v>
      </c>
      <c r="B32" s="1" t="s">
        <v>101</v>
      </c>
      <c r="C32" s="1" t="s">
        <v>110</v>
      </c>
      <c r="D32" s="1" t="s">
        <v>533</v>
      </c>
      <c r="E32" s="4" t="s">
        <v>80</v>
      </c>
      <c r="F32" s="1">
        <v>35.406303999999999</v>
      </c>
      <c r="G32" s="1">
        <v>132.956152</v>
      </c>
    </row>
    <row r="33" spans="1:7" ht="15" customHeight="1" x14ac:dyDescent="0.15">
      <c r="A33" s="1">
        <v>32</v>
      </c>
      <c r="B33" s="1" t="s">
        <v>101</v>
      </c>
      <c r="C33" s="1" t="s">
        <v>111</v>
      </c>
      <c r="D33" s="1" t="s">
        <v>534</v>
      </c>
      <c r="E33" s="4" t="s">
        <v>81</v>
      </c>
      <c r="F33" s="1">
        <v>35.406359199999997</v>
      </c>
      <c r="G33" s="1">
        <v>133.09509180000001</v>
      </c>
    </row>
    <row r="34" spans="1:7" ht="15" customHeight="1" x14ac:dyDescent="0.15">
      <c r="A34" s="1">
        <v>33</v>
      </c>
      <c r="B34" s="1" t="s">
        <v>101</v>
      </c>
      <c r="C34" s="1" t="s">
        <v>112</v>
      </c>
      <c r="D34" s="1" t="s">
        <v>535</v>
      </c>
      <c r="E34" s="4" t="s">
        <v>82</v>
      </c>
      <c r="F34" s="1">
        <v>35.4953036</v>
      </c>
      <c r="G34" s="1">
        <v>133.17465350000001</v>
      </c>
    </row>
    <row r="35" spans="1:7" ht="15" customHeight="1" x14ac:dyDescent="0.15">
      <c r="A35" s="1">
        <v>34</v>
      </c>
      <c r="B35" s="1" t="s">
        <v>101</v>
      </c>
      <c r="C35" s="1" t="s">
        <v>113</v>
      </c>
      <c r="D35" s="1" t="s">
        <v>536</v>
      </c>
      <c r="E35" s="4" t="s">
        <v>83</v>
      </c>
      <c r="F35" s="1">
        <v>35.476377800000002</v>
      </c>
      <c r="G35" s="1">
        <v>132.94934889999999</v>
      </c>
    </row>
    <row r="36" spans="1:7" ht="15" customHeight="1" x14ac:dyDescent="0.15">
      <c r="A36" s="1">
        <v>35</v>
      </c>
      <c r="B36" s="1" t="s">
        <v>101</v>
      </c>
      <c r="C36" s="1" t="s">
        <v>114</v>
      </c>
      <c r="D36" s="1" t="s">
        <v>537</v>
      </c>
      <c r="E36" s="4" t="s">
        <v>84</v>
      </c>
      <c r="F36" s="1">
        <v>35.5336383</v>
      </c>
      <c r="G36" s="1">
        <v>132.97490579999999</v>
      </c>
    </row>
    <row r="37" spans="1:7" ht="15" customHeight="1" x14ac:dyDescent="0.15">
      <c r="A37" s="1">
        <v>36</v>
      </c>
      <c r="B37" s="1" t="s">
        <v>101</v>
      </c>
      <c r="C37" s="1" t="s">
        <v>115</v>
      </c>
      <c r="D37" s="1" t="s">
        <v>538</v>
      </c>
      <c r="E37" s="4" t="s">
        <v>85</v>
      </c>
      <c r="F37" s="1">
        <v>35.514772000000001</v>
      </c>
      <c r="G37" s="1">
        <v>133.13378700000001</v>
      </c>
    </row>
    <row r="38" spans="1:7" ht="15" customHeight="1" x14ac:dyDescent="0.15">
      <c r="A38" s="1">
        <v>37</v>
      </c>
      <c r="B38" s="1" t="s">
        <v>101</v>
      </c>
      <c r="C38" s="1" t="s">
        <v>116</v>
      </c>
      <c r="D38" s="1" t="s">
        <v>539</v>
      </c>
      <c r="E38" s="4" t="s">
        <v>86</v>
      </c>
      <c r="F38" s="1">
        <v>35.491677899999999</v>
      </c>
      <c r="G38" s="1">
        <v>132.9211961</v>
      </c>
    </row>
    <row r="39" spans="1:7" ht="15" customHeight="1" x14ac:dyDescent="0.15">
      <c r="A39" s="1">
        <v>38</v>
      </c>
      <c r="B39" s="1" t="s">
        <v>101</v>
      </c>
      <c r="C39" s="1" t="s">
        <v>117</v>
      </c>
      <c r="D39" s="1" t="s">
        <v>540</v>
      </c>
      <c r="E39" s="4" t="s">
        <v>87</v>
      </c>
      <c r="F39" s="1">
        <v>35.535343099999999</v>
      </c>
      <c r="G39" s="1">
        <v>133.16579100000001</v>
      </c>
    </row>
    <row r="40" spans="1:7" ht="15" customHeight="1" x14ac:dyDescent="0.15">
      <c r="A40" s="1">
        <v>39</v>
      </c>
      <c r="B40" s="1" t="s">
        <v>101</v>
      </c>
      <c r="C40" s="1" t="s">
        <v>118</v>
      </c>
      <c r="D40" s="1" t="s">
        <v>541</v>
      </c>
      <c r="E40" s="4" t="s">
        <v>38</v>
      </c>
      <c r="F40" s="1">
        <v>35.428260000000002</v>
      </c>
      <c r="G40" s="1">
        <v>133.15585799999999</v>
      </c>
    </row>
    <row r="41" spans="1:7" ht="15" customHeight="1" x14ac:dyDescent="0.15">
      <c r="A41" s="1">
        <v>40</v>
      </c>
      <c r="B41" s="1" t="s">
        <v>101</v>
      </c>
      <c r="C41" s="1" t="s">
        <v>119</v>
      </c>
      <c r="D41" s="1" t="s">
        <v>542</v>
      </c>
      <c r="E41" s="4" t="s">
        <v>39</v>
      </c>
      <c r="F41" s="1">
        <v>35.4267976</v>
      </c>
      <c r="G41" s="1">
        <v>133.12908899999999</v>
      </c>
    </row>
    <row r="42" spans="1:7" ht="15" customHeight="1" x14ac:dyDescent="0.15">
      <c r="A42" s="1">
        <v>41</v>
      </c>
      <c r="B42" s="1" t="s">
        <v>101</v>
      </c>
      <c r="C42" s="1" t="s">
        <v>120</v>
      </c>
      <c r="D42" s="1" t="s">
        <v>543</v>
      </c>
      <c r="E42" s="4" t="s">
        <v>40</v>
      </c>
      <c r="F42" s="1">
        <v>35.427450299999997</v>
      </c>
      <c r="G42" s="1">
        <v>133.12901120000001</v>
      </c>
    </row>
    <row r="43" spans="1:7" ht="15" customHeight="1" x14ac:dyDescent="0.15">
      <c r="A43" s="1">
        <v>42</v>
      </c>
      <c r="B43" s="1" t="s">
        <v>101</v>
      </c>
      <c r="C43" s="1" t="s">
        <v>121</v>
      </c>
      <c r="D43" s="1" t="s">
        <v>544</v>
      </c>
      <c r="E43" s="4" t="s">
        <v>41</v>
      </c>
      <c r="F43" s="1">
        <v>35.438181499999999</v>
      </c>
      <c r="G43" s="1">
        <v>133.16562669999999</v>
      </c>
    </row>
    <row r="44" spans="1:7" ht="15" customHeight="1" x14ac:dyDescent="0.15">
      <c r="A44" s="1">
        <v>43</v>
      </c>
      <c r="B44" s="1" t="s">
        <v>101</v>
      </c>
      <c r="C44" s="1" t="s">
        <v>122</v>
      </c>
      <c r="D44" s="1" t="s">
        <v>545</v>
      </c>
      <c r="E44" s="4" t="s">
        <v>42</v>
      </c>
      <c r="F44" s="1">
        <v>35.402291900000002</v>
      </c>
      <c r="G44" s="1">
        <v>133.03240159999999</v>
      </c>
    </row>
    <row r="45" spans="1:7" ht="15" customHeight="1" x14ac:dyDescent="0.15">
      <c r="A45" s="1">
        <v>44</v>
      </c>
      <c r="B45" s="1" t="s">
        <v>101</v>
      </c>
      <c r="C45" s="1" t="s">
        <v>123</v>
      </c>
      <c r="D45" s="1" t="s">
        <v>546</v>
      </c>
      <c r="E45" s="4" t="s">
        <v>43</v>
      </c>
      <c r="F45" s="1">
        <v>35.5652513</v>
      </c>
      <c r="G45" s="1">
        <v>133.06815789999999</v>
      </c>
    </row>
    <row r="46" spans="1:7" ht="15" customHeight="1" x14ac:dyDescent="0.15">
      <c r="A46" s="1">
        <v>45</v>
      </c>
      <c r="B46" s="1" t="s">
        <v>101</v>
      </c>
      <c r="C46" s="1" t="s">
        <v>549</v>
      </c>
      <c r="D46" s="1" t="s">
        <v>547</v>
      </c>
      <c r="E46" s="4" t="s">
        <v>548</v>
      </c>
      <c r="F46" s="1">
        <v>35.5199462</v>
      </c>
      <c r="G46" s="1">
        <v>132.99785689999999</v>
      </c>
    </row>
    <row r="47" spans="1:7" ht="15" customHeight="1" x14ac:dyDescent="0.15">
      <c r="A47" s="1">
        <v>46</v>
      </c>
      <c r="B47" s="1" t="s">
        <v>101</v>
      </c>
      <c r="C47" s="1" t="s">
        <v>124</v>
      </c>
      <c r="D47" s="1" t="s">
        <v>550</v>
      </c>
      <c r="E47" s="4" t="s">
        <v>44</v>
      </c>
      <c r="F47" s="1">
        <v>35.456841799999999</v>
      </c>
      <c r="G47" s="1">
        <v>133.06526009999999</v>
      </c>
    </row>
    <row r="48" spans="1:7" ht="15" customHeight="1" x14ac:dyDescent="0.15">
      <c r="A48" s="1">
        <v>47</v>
      </c>
      <c r="B48" s="1" t="s">
        <v>101</v>
      </c>
      <c r="C48" s="1" t="s">
        <v>124</v>
      </c>
      <c r="D48" s="1" t="s">
        <v>550</v>
      </c>
      <c r="E48" s="4" t="s">
        <v>45</v>
      </c>
      <c r="F48" s="1">
        <v>35.456841799999999</v>
      </c>
      <c r="G48" s="1">
        <v>133.06526009999999</v>
      </c>
    </row>
    <row r="49" spans="1:7" ht="15" customHeight="1" x14ac:dyDescent="0.15">
      <c r="A49" s="1">
        <v>48</v>
      </c>
      <c r="B49" s="1" t="s">
        <v>101</v>
      </c>
      <c r="C49" s="1" t="s">
        <v>125</v>
      </c>
      <c r="D49" s="1" t="s">
        <v>551</v>
      </c>
      <c r="E49" s="4" t="s">
        <v>46</v>
      </c>
      <c r="F49" s="1">
        <v>35.435163699999997</v>
      </c>
      <c r="G49" s="1">
        <v>133.05633090000001</v>
      </c>
    </row>
    <row r="50" spans="1:7" ht="15" customHeight="1" x14ac:dyDescent="0.15">
      <c r="A50" s="1">
        <v>49</v>
      </c>
      <c r="B50" s="1" t="s">
        <v>101</v>
      </c>
      <c r="C50" s="1" t="s">
        <v>126</v>
      </c>
      <c r="D50" s="1" t="s">
        <v>552</v>
      </c>
      <c r="E50" s="4" t="s">
        <v>47</v>
      </c>
      <c r="F50" s="1">
        <v>35.4341972</v>
      </c>
      <c r="G50" s="1">
        <v>133.13620460000001</v>
      </c>
    </row>
    <row r="51" spans="1:7" ht="15" customHeight="1" x14ac:dyDescent="0.15">
      <c r="A51" s="1">
        <v>50</v>
      </c>
      <c r="B51" s="1" t="s">
        <v>101</v>
      </c>
      <c r="C51" s="1" t="s">
        <v>97</v>
      </c>
      <c r="D51" s="1" t="s">
        <v>553</v>
      </c>
      <c r="E51" s="4" t="s">
        <v>88</v>
      </c>
      <c r="F51" s="1">
        <v>35.493220100000002</v>
      </c>
      <c r="G51" s="1">
        <v>133.0391779</v>
      </c>
    </row>
    <row r="52" spans="1:7" ht="15" customHeight="1" x14ac:dyDescent="0.15">
      <c r="A52" s="1">
        <v>51</v>
      </c>
      <c r="B52" s="1" t="s">
        <v>101</v>
      </c>
      <c r="C52" s="1" t="s">
        <v>127</v>
      </c>
      <c r="D52" s="1" t="s">
        <v>554</v>
      </c>
      <c r="E52" s="4" t="s">
        <v>48</v>
      </c>
      <c r="F52" s="1">
        <v>35.474944800000003</v>
      </c>
      <c r="G52" s="1">
        <v>133.0472499</v>
      </c>
    </row>
    <row r="53" spans="1:7" ht="15" customHeight="1" x14ac:dyDescent="0.15">
      <c r="A53" s="1">
        <v>52</v>
      </c>
      <c r="B53" s="1" t="s">
        <v>101</v>
      </c>
      <c r="C53" s="1" t="s">
        <v>111</v>
      </c>
      <c r="D53" s="1" t="s">
        <v>555</v>
      </c>
      <c r="E53" s="4" t="s">
        <v>49</v>
      </c>
      <c r="F53" s="1">
        <v>35.404515400000001</v>
      </c>
      <c r="G53" s="1">
        <v>133.1025324</v>
      </c>
    </row>
    <row r="54" spans="1:7" ht="15" customHeight="1" x14ac:dyDescent="0.15">
      <c r="A54" s="1">
        <v>53</v>
      </c>
      <c r="B54" s="1" t="s">
        <v>101</v>
      </c>
      <c r="C54" s="1" t="s">
        <v>91</v>
      </c>
      <c r="D54" s="1" t="s">
        <v>556</v>
      </c>
      <c r="E54" s="4" t="s">
        <v>50</v>
      </c>
      <c r="F54" s="1">
        <v>35.432791799999997</v>
      </c>
      <c r="G54" s="1">
        <v>133.0762436</v>
      </c>
    </row>
    <row r="55" spans="1:7" ht="15" customHeight="1" x14ac:dyDescent="0.15">
      <c r="A55" s="1">
        <v>54</v>
      </c>
      <c r="B55" s="1" t="s">
        <v>101</v>
      </c>
      <c r="C55" s="1" t="s">
        <v>128</v>
      </c>
      <c r="D55" s="1" t="s">
        <v>557</v>
      </c>
      <c r="E55" s="4" t="s">
        <v>51</v>
      </c>
      <c r="F55" s="1">
        <v>35.483127699999997</v>
      </c>
      <c r="G55" s="1">
        <v>133.06515630000001</v>
      </c>
    </row>
    <row r="56" spans="1:7" ht="15" customHeight="1" x14ac:dyDescent="0.15">
      <c r="A56" s="1">
        <v>55</v>
      </c>
      <c r="B56" s="1" t="s">
        <v>101</v>
      </c>
      <c r="C56" s="1" t="s">
        <v>128</v>
      </c>
      <c r="D56" s="1" t="s">
        <v>557</v>
      </c>
      <c r="E56" s="4" t="s">
        <v>52</v>
      </c>
      <c r="F56" s="1">
        <v>35.483127699999997</v>
      </c>
      <c r="G56" s="1">
        <v>133.06515630000001</v>
      </c>
    </row>
    <row r="57" spans="1:7" ht="15" customHeight="1" x14ac:dyDescent="0.15">
      <c r="A57" s="1">
        <v>56</v>
      </c>
      <c r="B57" s="1" t="s">
        <v>101</v>
      </c>
      <c r="C57" s="1" t="s">
        <v>128</v>
      </c>
      <c r="D57" s="1" t="s">
        <v>557</v>
      </c>
      <c r="E57" s="4" t="s">
        <v>508</v>
      </c>
      <c r="F57" s="1">
        <v>35.483127699999997</v>
      </c>
      <c r="G57" s="1">
        <v>133.06515630000001</v>
      </c>
    </row>
    <row r="58" spans="1:7" ht="15" customHeight="1" x14ac:dyDescent="0.15">
      <c r="A58" s="1">
        <v>57</v>
      </c>
      <c r="B58" s="1" t="s">
        <v>101</v>
      </c>
      <c r="C58" s="1" t="s">
        <v>124</v>
      </c>
      <c r="D58" s="1" t="s">
        <v>558</v>
      </c>
      <c r="E58" s="4" t="s">
        <v>53</v>
      </c>
      <c r="F58" s="1">
        <v>35.4542644</v>
      </c>
      <c r="G58" s="1">
        <v>133.07021810000001</v>
      </c>
    </row>
    <row r="59" spans="1:7" ht="15" customHeight="1" x14ac:dyDescent="0.15">
      <c r="A59" s="1">
        <v>58</v>
      </c>
      <c r="B59" s="1" t="s">
        <v>101</v>
      </c>
      <c r="C59" s="1" t="s">
        <v>124</v>
      </c>
      <c r="D59" s="1" t="s">
        <v>559</v>
      </c>
      <c r="E59" s="4" t="s">
        <v>54</v>
      </c>
      <c r="F59" s="1">
        <v>35.460955499999997</v>
      </c>
      <c r="G59" s="1">
        <v>133.07690339999999</v>
      </c>
    </row>
    <row r="60" spans="1:7" ht="15" customHeight="1" x14ac:dyDescent="0.15">
      <c r="A60" s="1">
        <v>59</v>
      </c>
      <c r="B60" s="1" t="s">
        <v>101</v>
      </c>
      <c r="C60" s="1" t="s">
        <v>129</v>
      </c>
      <c r="D60" s="1" t="s">
        <v>560</v>
      </c>
      <c r="E60" s="4" t="s">
        <v>509</v>
      </c>
      <c r="F60" s="1">
        <v>35.4691683</v>
      </c>
      <c r="G60" s="1">
        <v>133.05935550000001</v>
      </c>
    </row>
    <row r="61" spans="1:7" ht="15" customHeight="1" x14ac:dyDescent="0.15">
      <c r="A61" s="1">
        <v>60</v>
      </c>
      <c r="B61" s="1" t="s">
        <v>101</v>
      </c>
      <c r="C61" s="1" t="s">
        <v>129</v>
      </c>
      <c r="D61" s="1" t="s">
        <v>560</v>
      </c>
      <c r="E61" s="4" t="s">
        <v>510</v>
      </c>
      <c r="F61" s="1">
        <v>35.4691683</v>
      </c>
      <c r="G61" s="1">
        <v>133.05935550000001</v>
      </c>
    </row>
    <row r="62" spans="1:7" ht="15" customHeight="1" x14ac:dyDescent="0.15">
      <c r="A62" s="1">
        <v>61</v>
      </c>
      <c r="B62" s="1" t="s">
        <v>184</v>
      </c>
      <c r="C62" s="1" t="s">
        <v>192</v>
      </c>
      <c r="D62" s="1" t="s">
        <v>478</v>
      </c>
      <c r="E62" s="1" t="s">
        <v>130</v>
      </c>
      <c r="F62" s="1">
        <v>34.902530300000002</v>
      </c>
      <c r="G62" s="1">
        <v>132.0968566</v>
      </c>
    </row>
    <row r="63" spans="1:7" ht="15" customHeight="1" x14ac:dyDescent="0.15">
      <c r="A63" s="1">
        <v>62</v>
      </c>
      <c r="B63" s="1" t="s">
        <v>184</v>
      </c>
      <c r="C63" s="1" t="s">
        <v>191</v>
      </c>
      <c r="D63" s="1" t="s">
        <v>479</v>
      </c>
      <c r="E63" s="1" t="s">
        <v>131</v>
      </c>
      <c r="F63" s="1">
        <v>34.899191100000003</v>
      </c>
      <c r="G63" s="1">
        <v>132.07043139999999</v>
      </c>
    </row>
    <row r="64" spans="1:7" ht="15" customHeight="1" x14ac:dyDescent="0.15">
      <c r="A64" s="1">
        <v>63</v>
      </c>
      <c r="B64" s="1" t="s">
        <v>184</v>
      </c>
      <c r="C64" s="1" t="s">
        <v>190</v>
      </c>
      <c r="D64" s="1" t="s">
        <v>480</v>
      </c>
      <c r="E64" s="1" t="s">
        <v>132</v>
      </c>
      <c r="F64" s="1">
        <v>34.864832800000002</v>
      </c>
      <c r="G64" s="1">
        <v>132.02400510000001</v>
      </c>
    </row>
    <row r="65" spans="1:7" ht="15" customHeight="1" x14ac:dyDescent="0.15">
      <c r="A65" s="1">
        <v>64</v>
      </c>
      <c r="B65" s="1" t="s">
        <v>184</v>
      </c>
      <c r="C65" s="1" t="s">
        <v>189</v>
      </c>
      <c r="D65" s="1" t="s">
        <v>481</v>
      </c>
      <c r="E65" s="1" t="s">
        <v>133</v>
      </c>
      <c r="F65" s="1">
        <v>34.866340399999999</v>
      </c>
      <c r="G65" s="1">
        <v>132.02549490000001</v>
      </c>
    </row>
    <row r="66" spans="1:7" ht="15" customHeight="1" x14ac:dyDescent="0.15">
      <c r="A66" s="1">
        <v>65</v>
      </c>
      <c r="B66" s="1" t="s">
        <v>184</v>
      </c>
      <c r="C66" s="1" t="s">
        <v>188</v>
      </c>
      <c r="D66" s="1" t="s">
        <v>482</v>
      </c>
      <c r="E66" s="1" t="s">
        <v>134</v>
      </c>
      <c r="F66" s="1">
        <v>34.893561599999998</v>
      </c>
      <c r="G66" s="1">
        <v>132.08707999999999</v>
      </c>
    </row>
    <row r="67" spans="1:7" ht="15" customHeight="1" x14ac:dyDescent="0.15">
      <c r="A67" s="1">
        <v>66</v>
      </c>
      <c r="B67" s="1" t="s">
        <v>184</v>
      </c>
      <c r="C67" s="1" t="s">
        <v>187</v>
      </c>
      <c r="D67" s="1" t="s">
        <v>483</v>
      </c>
      <c r="E67" s="1" t="s">
        <v>135</v>
      </c>
      <c r="F67" s="1">
        <v>34.907251799999997</v>
      </c>
      <c r="G67" s="1">
        <v>132.08330219999999</v>
      </c>
    </row>
    <row r="68" spans="1:7" ht="15" customHeight="1" x14ac:dyDescent="0.15">
      <c r="A68" s="1">
        <v>67</v>
      </c>
      <c r="B68" s="1" t="s">
        <v>184</v>
      </c>
      <c r="C68" s="1" t="s">
        <v>186</v>
      </c>
      <c r="D68" s="1" t="s">
        <v>484</v>
      </c>
      <c r="E68" s="1" t="s">
        <v>136</v>
      </c>
      <c r="F68" s="1">
        <v>34.935499100000001</v>
      </c>
      <c r="G68" s="1">
        <v>132.10825740000001</v>
      </c>
    </row>
    <row r="69" spans="1:7" ht="15" customHeight="1" x14ac:dyDescent="0.15">
      <c r="A69" s="1">
        <v>68</v>
      </c>
      <c r="B69" s="1" t="s">
        <v>184</v>
      </c>
      <c r="C69" s="1" t="s">
        <v>186</v>
      </c>
      <c r="D69" s="1" t="s">
        <v>484</v>
      </c>
      <c r="E69" s="1" t="s">
        <v>137</v>
      </c>
      <c r="F69" s="1">
        <v>34.935499100000001</v>
      </c>
      <c r="G69" s="1">
        <v>132.10825740000001</v>
      </c>
    </row>
    <row r="70" spans="1:7" ht="15" customHeight="1" x14ac:dyDescent="0.15">
      <c r="A70" s="1">
        <v>69</v>
      </c>
      <c r="B70" s="1" t="s">
        <v>184</v>
      </c>
      <c r="C70" s="1" t="s">
        <v>185</v>
      </c>
      <c r="D70" s="1" t="s">
        <v>485</v>
      </c>
      <c r="E70" s="1" t="s">
        <v>138</v>
      </c>
      <c r="F70" s="1">
        <v>34.870198799999997</v>
      </c>
      <c r="G70" s="1">
        <v>132.04774509999999</v>
      </c>
    </row>
    <row r="71" spans="1:7" ht="15" customHeight="1" x14ac:dyDescent="0.15">
      <c r="A71" s="1">
        <v>70</v>
      </c>
      <c r="B71" s="1" t="s">
        <v>184</v>
      </c>
      <c r="C71" s="1" t="s">
        <v>175</v>
      </c>
      <c r="D71" s="1" t="s">
        <v>486</v>
      </c>
      <c r="E71" s="1" t="s">
        <v>139</v>
      </c>
      <c r="F71" s="1">
        <v>34.886236599999997</v>
      </c>
      <c r="G71" s="1">
        <v>132.06607099999999</v>
      </c>
    </row>
    <row r="72" spans="1:7" ht="15" customHeight="1" x14ac:dyDescent="0.15">
      <c r="A72" s="1">
        <v>71</v>
      </c>
      <c r="B72" s="1" t="s">
        <v>184</v>
      </c>
      <c r="C72" s="1" t="s">
        <v>176</v>
      </c>
      <c r="D72" s="1" t="s">
        <v>487</v>
      </c>
      <c r="E72" s="1" t="s">
        <v>140</v>
      </c>
      <c r="F72" s="1">
        <v>34.854959000000001</v>
      </c>
      <c r="G72" s="1">
        <v>132.05060929999999</v>
      </c>
    </row>
    <row r="73" spans="1:7" ht="15" customHeight="1" x14ac:dyDescent="0.15">
      <c r="A73" s="1">
        <v>72</v>
      </c>
      <c r="B73" s="1" t="s">
        <v>184</v>
      </c>
      <c r="C73" s="1" t="s">
        <v>177</v>
      </c>
      <c r="D73" s="1" t="s">
        <v>178</v>
      </c>
      <c r="E73" s="1" t="s">
        <v>141</v>
      </c>
      <c r="F73" s="1">
        <v>34.864693000000003</v>
      </c>
      <c r="G73" s="1">
        <v>132.16640810000001</v>
      </c>
    </row>
    <row r="74" spans="1:7" ht="15" customHeight="1" x14ac:dyDescent="0.15">
      <c r="A74" s="1">
        <v>73</v>
      </c>
      <c r="B74" s="1" t="s">
        <v>184</v>
      </c>
      <c r="C74" s="1" t="s">
        <v>179</v>
      </c>
      <c r="D74" s="1" t="s">
        <v>488</v>
      </c>
      <c r="E74" s="1" t="s">
        <v>142</v>
      </c>
      <c r="F74" s="1">
        <v>34.880158299999998</v>
      </c>
      <c r="G74" s="1">
        <v>132.19274129999999</v>
      </c>
    </row>
    <row r="75" spans="1:7" ht="15" customHeight="1" x14ac:dyDescent="0.15">
      <c r="A75" s="1">
        <v>74</v>
      </c>
      <c r="B75" s="1" t="s">
        <v>184</v>
      </c>
      <c r="C75" s="1" t="s">
        <v>180</v>
      </c>
      <c r="D75" s="1" t="s">
        <v>489</v>
      </c>
      <c r="E75" s="1" t="s">
        <v>143</v>
      </c>
      <c r="F75" s="1">
        <v>34.861130500000002</v>
      </c>
      <c r="G75" s="1">
        <v>132.25857679999999</v>
      </c>
    </row>
    <row r="76" spans="1:7" ht="15" customHeight="1" x14ac:dyDescent="0.15">
      <c r="A76" s="1">
        <v>75</v>
      </c>
      <c r="B76" s="1" t="s">
        <v>184</v>
      </c>
      <c r="C76" s="1" t="s">
        <v>181</v>
      </c>
      <c r="D76" s="1" t="s">
        <v>490</v>
      </c>
      <c r="E76" s="1" t="s">
        <v>144</v>
      </c>
      <c r="F76" s="1">
        <v>34.784100600000002</v>
      </c>
      <c r="G76" s="1">
        <v>131.9535334</v>
      </c>
    </row>
    <row r="77" spans="1:7" ht="15" customHeight="1" x14ac:dyDescent="0.15">
      <c r="A77" s="1">
        <v>76</v>
      </c>
      <c r="B77" s="1" t="s">
        <v>184</v>
      </c>
      <c r="C77" s="1" t="s">
        <v>182</v>
      </c>
      <c r="D77" s="1" t="s">
        <v>491</v>
      </c>
      <c r="E77" s="1" t="s">
        <v>145</v>
      </c>
      <c r="F77" s="1">
        <v>34.770126300000001</v>
      </c>
      <c r="G77" s="1">
        <v>131.92166130000001</v>
      </c>
    </row>
    <row r="78" spans="1:7" ht="15" customHeight="1" x14ac:dyDescent="0.15">
      <c r="A78" s="1">
        <v>77</v>
      </c>
      <c r="B78" s="1" t="s">
        <v>184</v>
      </c>
      <c r="C78" s="1" t="s">
        <v>183</v>
      </c>
      <c r="D78" s="1" t="s">
        <v>492</v>
      </c>
      <c r="E78" s="1" t="s">
        <v>146</v>
      </c>
      <c r="F78" s="1">
        <v>34.783439199999997</v>
      </c>
      <c r="G78" s="1">
        <v>132.11209199999999</v>
      </c>
    </row>
    <row r="79" spans="1:7" ht="15" customHeight="1" x14ac:dyDescent="0.15">
      <c r="A79" s="1">
        <v>78</v>
      </c>
      <c r="B79" s="1" t="s">
        <v>316</v>
      </c>
      <c r="C79" s="1" t="s">
        <v>402</v>
      </c>
      <c r="D79" s="1" t="s">
        <v>364</v>
      </c>
      <c r="E79" s="1" t="s">
        <v>320</v>
      </c>
      <c r="F79" s="1">
        <v>35.368287799999997</v>
      </c>
      <c r="G79" s="1">
        <v>132.758531</v>
      </c>
    </row>
    <row r="80" spans="1:7" ht="15" customHeight="1" x14ac:dyDescent="0.15">
      <c r="A80" s="1">
        <v>79</v>
      </c>
      <c r="B80" s="1" t="s">
        <v>316</v>
      </c>
      <c r="C80" s="1" t="s">
        <v>402</v>
      </c>
      <c r="D80" s="1" t="s">
        <v>365</v>
      </c>
      <c r="E80" s="1" t="s">
        <v>321</v>
      </c>
      <c r="F80" s="1">
        <v>35.368287799999997</v>
      </c>
      <c r="G80" s="1">
        <v>132.758531</v>
      </c>
    </row>
    <row r="81" spans="1:7" ht="15" customHeight="1" x14ac:dyDescent="0.15">
      <c r="A81" s="1">
        <v>80</v>
      </c>
      <c r="B81" s="1" t="s">
        <v>316</v>
      </c>
      <c r="C81" s="1" t="s">
        <v>403</v>
      </c>
      <c r="D81" s="1" t="s">
        <v>499</v>
      </c>
      <c r="E81" s="1" t="s">
        <v>322</v>
      </c>
      <c r="F81" s="1">
        <v>35.368594000000002</v>
      </c>
      <c r="G81" s="1">
        <v>132.78078110000001</v>
      </c>
    </row>
    <row r="82" spans="1:7" ht="15" customHeight="1" x14ac:dyDescent="0.15">
      <c r="A82" s="1">
        <v>81</v>
      </c>
      <c r="B82" s="1" t="s">
        <v>316</v>
      </c>
      <c r="C82" s="1" t="s">
        <v>403</v>
      </c>
      <c r="D82" s="1" t="s">
        <v>500</v>
      </c>
      <c r="E82" s="1" t="s">
        <v>323</v>
      </c>
      <c r="F82" s="1">
        <v>35.370643600000001</v>
      </c>
      <c r="G82" s="1">
        <v>132.77593719999999</v>
      </c>
    </row>
    <row r="83" spans="1:7" ht="15" customHeight="1" x14ac:dyDescent="0.15">
      <c r="A83" s="1">
        <v>82</v>
      </c>
      <c r="B83" s="1" t="s">
        <v>316</v>
      </c>
      <c r="C83" s="1" t="s">
        <v>404</v>
      </c>
      <c r="D83" s="1" t="s">
        <v>366</v>
      </c>
      <c r="E83" s="1" t="s">
        <v>324</v>
      </c>
      <c r="F83" s="1">
        <v>35.349539800000002</v>
      </c>
      <c r="G83" s="1">
        <v>132.74985469999999</v>
      </c>
    </row>
    <row r="84" spans="1:7" ht="15" customHeight="1" x14ac:dyDescent="0.15">
      <c r="A84" s="1">
        <v>83</v>
      </c>
      <c r="B84" s="1" t="s">
        <v>316</v>
      </c>
      <c r="C84" s="1" t="s">
        <v>404</v>
      </c>
      <c r="D84" s="1" t="s">
        <v>401</v>
      </c>
      <c r="E84" s="1" t="s">
        <v>325</v>
      </c>
      <c r="F84" s="1">
        <v>35.349764700000001</v>
      </c>
      <c r="G84" s="1">
        <v>132.74886309999999</v>
      </c>
    </row>
    <row r="85" spans="1:7" ht="15" customHeight="1" x14ac:dyDescent="0.15">
      <c r="A85" s="1">
        <v>84</v>
      </c>
      <c r="B85" s="1" t="s">
        <v>316</v>
      </c>
      <c r="C85" s="1" t="s">
        <v>405</v>
      </c>
      <c r="D85" s="1" t="s">
        <v>400</v>
      </c>
      <c r="E85" s="1" t="s">
        <v>326</v>
      </c>
      <c r="F85" s="1">
        <v>35.360041199999998</v>
      </c>
      <c r="G85" s="1">
        <v>132.74714349999999</v>
      </c>
    </row>
    <row r="86" spans="1:7" ht="15" customHeight="1" x14ac:dyDescent="0.15">
      <c r="A86" s="1">
        <v>85</v>
      </c>
      <c r="B86" s="1" t="s">
        <v>316</v>
      </c>
      <c r="C86" s="1" t="s">
        <v>404</v>
      </c>
      <c r="D86" s="1" t="s">
        <v>399</v>
      </c>
      <c r="E86" s="1" t="s">
        <v>327</v>
      </c>
      <c r="F86" s="1">
        <v>35.351347799999999</v>
      </c>
      <c r="G86" s="1">
        <v>132.7466077</v>
      </c>
    </row>
    <row r="87" spans="1:7" ht="15" customHeight="1" x14ac:dyDescent="0.15">
      <c r="A87" s="1">
        <v>86</v>
      </c>
      <c r="B87" s="1" t="s">
        <v>316</v>
      </c>
      <c r="C87" s="1" t="s">
        <v>406</v>
      </c>
      <c r="D87" s="1" t="s">
        <v>398</v>
      </c>
      <c r="E87" s="1" t="s">
        <v>328</v>
      </c>
      <c r="F87" s="1">
        <v>35.360801700000003</v>
      </c>
      <c r="G87" s="1">
        <v>132.72950900000001</v>
      </c>
    </row>
    <row r="88" spans="1:7" ht="15" customHeight="1" x14ac:dyDescent="0.15">
      <c r="A88" s="1">
        <v>87</v>
      </c>
      <c r="B88" s="1" t="s">
        <v>316</v>
      </c>
      <c r="C88" s="1" t="s">
        <v>407</v>
      </c>
      <c r="D88" s="1" t="s">
        <v>397</v>
      </c>
      <c r="E88" s="1" t="s">
        <v>329</v>
      </c>
      <c r="F88" s="1">
        <v>35.372014200000002</v>
      </c>
      <c r="G88" s="1">
        <v>132.7239563</v>
      </c>
    </row>
    <row r="89" spans="1:7" ht="15" customHeight="1" x14ac:dyDescent="0.15">
      <c r="A89" s="1">
        <v>88</v>
      </c>
      <c r="B89" s="1" t="s">
        <v>316</v>
      </c>
      <c r="C89" s="1" t="s">
        <v>408</v>
      </c>
      <c r="D89" s="1" t="s">
        <v>395</v>
      </c>
      <c r="E89" s="1" t="s">
        <v>330</v>
      </c>
      <c r="F89" s="1">
        <v>35.376442099999998</v>
      </c>
      <c r="G89" s="1">
        <v>132.7488926</v>
      </c>
    </row>
    <row r="90" spans="1:7" ht="15" customHeight="1" x14ac:dyDescent="0.15">
      <c r="A90" s="1">
        <v>89</v>
      </c>
      <c r="B90" s="1" t="s">
        <v>316</v>
      </c>
      <c r="C90" s="1" t="s">
        <v>408</v>
      </c>
      <c r="D90" s="1" t="s">
        <v>396</v>
      </c>
      <c r="E90" s="1" t="s">
        <v>331</v>
      </c>
      <c r="F90" s="1">
        <v>35.377183799999997</v>
      </c>
      <c r="G90" s="1">
        <v>132.75238400000001</v>
      </c>
    </row>
    <row r="91" spans="1:7" ht="15" customHeight="1" x14ac:dyDescent="0.15">
      <c r="A91" s="1">
        <v>90</v>
      </c>
      <c r="B91" s="1" t="s">
        <v>316</v>
      </c>
      <c r="C91" s="1" t="s">
        <v>408</v>
      </c>
      <c r="D91" s="1" t="s">
        <v>395</v>
      </c>
      <c r="E91" s="1" t="s">
        <v>332</v>
      </c>
      <c r="F91" s="1">
        <v>35.376442099999998</v>
      </c>
      <c r="G91" s="1">
        <v>132.7488926</v>
      </c>
    </row>
    <row r="92" spans="1:7" ht="15" customHeight="1" x14ac:dyDescent="0.15">
      <c r="A92" s="1">
        <v>91</v>
      </c>
      <c r="B92" s="1" t="s">
        <v>316</v>
      </c>
      <c r="C92" s="1" t="s">
        <v>409</v>
      </c>
      <c r="D92" s="1" t="s">
        <v>394</v>
      </c>
      <c r="E92" s="1" t="s">
        <v>333</v>
      </c>
      <c r="F92" s="1">
        <v>35.392881899999999</v>
      </c>
      <c r="G92" s="1">
        <v>132.739948</v>
      </c>
    </row>
    <row r="93" spans="1:7" ht="15" customHeight="1" x14ac:dyDescent="0.15">
      <c r="A93" s="1">
        <v>92</v>
      </c>
      <c r="B93" s="1" t="s">
        <v>316</v>
      </c>
      <c r="C93" s="1" t="s">
        <v>410</v>
      </c>
      <c r="D93" s="1" t="s">
        <v>393</v>
      </c>
      <c r="E93" s="1" t="s">
        <v>334</v>
      </c>
      <c r="F93" s="1">
        <v>35.389879999999998</v>
      </c>
      <c r="G93" s="1">
        <v>132.76907320000001</v>
      </c>
    </row>
    <row r="94" spans="1:7" ht="15" customHeight="1" x14ac:dyDescent="0.15">
      <c r="A94" s="1">
        <v>93</v>
      </c>
      <c r="B94" s="1" t="s">
        <v>316</v>
      </c>
      <c r="C94" s="1" t="s">
        <v>411</v>
      </c>
      <c r="D94" s="1" t="s">
        <v>501</v>
      </c>
      <c r="E94" s="1" t="s">
        <v>335</v>
      </c>
      <c r="F94" s="1">
        <v>35.386285999999998</v>
      </c>
      <c r="G94" s="1">
        <v>132.7694094</v>
      </c>
    </row>
    <row r="95" spans="1:7" ht="15" customHeight="1" x14ac:dyDescent="0.15">
      <c r="A95" s="1">
        <v>94</v>
      </c>
      <c r="B95" s="1" t="s">
        <v>316</v>
      </c>
      <c r="C95" s="1" t="s">
        <v>412</v>
      </c>
      <c r="D95" s="1" t="s">
        <v>392</v>
      </c>
      <c r="E95" s="1" t="s">
        <v>336</v>
      </c>
      <c r="F95" s="1">
        <v>35.335890200000001</v>
      </c>
      <c r="G95" s="1">
        <v>132.83309940000001</v>
      </c>
    </row>
    <row r="96" spans="1:7" ht="15" customHeight="1" x14ac:dyDescent="0.15">
      <c r="A96" s="1">
        <v>95</v>
      </c>
      <c r="B96" s="1" t="s">
        <v>316</v>
      </c>
      <c r="C96" s="1" t="s">
        <v>413</v>
      </c>
      <c r="D96" s="1" t="s">
        <v>391</v>
      </c>
      <c r="E96" s="1" t="s">
        <v>337</v>
      </c>
      <c r="F96" s="1">
        <v>35.318741600000003</v>
      </c>
      <c r="G96" s="1">
        <v>132.76562569999999</v>
      </c>
    </row>
    <row r="97" spans="1:7" ht="15" customHeight="1" x14ac:dyDescent="0.15">
      <c r="A97" s="1">
        <v>96</v>
      </c>
      <c r="B97" s="1" t="s">
        <v>316</v>
      </c>
      <c r="C97" s="1" t="s">
        <v>414</v>
      </c>
      <c r="D97" s="1" t="s">
        <v>390</v>
      </c>
      <c r="E97" s="1" t="s">
        <v>338</v>
      </c>
      <c r="F97" s="1">
        <v>35.286833700000003</v>
      </c>
      <c r="G97" s="1">
        <v>132.7239811</v>
      </c>
    </row>
    <row r="98" spans="1:7" ht="15" customHeight="1" x14ac:dyDescent="0.15">
      <c r="A98" s="1">
        <v>97</v>
      </c>
      <c r="B98" s="1" t="s">
        <v>316</v>
      </c>
      <c r="C98" s="1" t="s">
        <v>415</v>
      </c>
      <c r="D98" s="1" t="s">
        <v>389</v>
      </c>
      <c r="E98" s="1" t="s">
        <v>339</v>
      </c>
      <c r="F98" s="1">
        <v>35.306535500000003</v>
      </c>
      <c r="G98" s="1">
        <v>132.80568049999999</v>
      </c>
    </row>
    <row r="99" spans="1:7" ht="15" customHeight="1" x14ac:dyDescent="0.15">
      <c r="A99" s="1">
        <v>98</v>
      </c>
      <c r="B99" s="1" t="s">
        <v>316</v>
      </c>
      <c r="C99" s="1" t="s">
        <v>416</v>
      </c>
      <c r="D99" s="1" t="s">
        <v>388</v>
      </c>
      <c r="E99" s="1" t="s">
        <v>340</v>
      </c>
      <c r="F99" s="1">
        <v>35.3396325</v>
      </c>
      <c r="G99" s="1">
        <v>132.74313609999999</v>
      </c>
    </row>
    <row r="100" spans="1:7" ht="15" customHeight="1" x14ac:dyDescent="0.15">
      <c r="A100" s="1">
        <v>99</v>
      </c>
      <c r="B100" s="1" t="s">
        <v>316</v>
      </c>
      <c r="C100" s="1" t="s">
        <v>417</v>
      </c>
      <c r="D100" s="1" t="s">
        <v>387</v>
      </c>
      <c r="E100" s="1" t="s">
        <v>341</v>
      </c>
      <c r="F100" s="1">
        <v>35.339879099999997</v>
      </c>
      <c r="G100" s="1">
        <v>132.7245906</v>
      </c>
    </row>
    <row r="101" spans="1:7" ht="15" customHeight="1" x14ac:dyDescent="0.15">
      <c r="A101" s="1">
        <v>100</v>
      </c>
      <c r="B101" s="1" t="s">
        <v>316</v>
      </c>
      <c r="C101" s="1" t="s">
        <v>418</v>
      </c>
      <c r="D101" s="1" t="s">
        <v>363</v>
      </c>
      <c r="E101" s="1" t="s">
        <v>342</v>
      </c>
      <c r="F101" s="1">
        <v>35.341123500000002</v>
      </c>
      <c r="G101" s="1">
        <v>132.72826800000001</v>
      </c>
    </row>
    <row r="102" spans="1:7" ht="15" customHeight="1" x14ac:dyDescent="0.15">
      <c r="A102" s="1">
        <v>101</v>
      </c>
      <c r="B102" s="1" t="s">
        <v>316</v>
      </c>
      <c r="C102" s="1" t="s">
        <v>419</v>
      </c>
      <c r="D102" s="1" t="s">
        <v>386</v>
      </c>
      <c r="E102" s="1" t="s">
        <v>343</v>
      </c>
      <c r="F102" s="1">
        <v>35.332368099999997</v>
      </c>
      <c r="G102" s="1">
        <v>132.69707460000001</v>
      </c>
    </row>
    <row r="103" spans="1:7" ht="15" customHeight="1" x14ac:dyDescent="0.15">
      <c r="A103" s="1">
        <v>102</v>
      </c>
      <c r="B103" s="1" t="s">
        <v>316</v>
      </c>
      <c r="C103" s="1" t="s">
        <v>420</v>
      </c>
      <c r="D103" s="1" t="s">
        <v>385</v>
      </c>
      <c r="E103" s="1" t="s">
        <v>344</v>
      </c>
      <c r="F103" s="1">
        <v>35.361495599999998</v>
      </c>
      <c r="G103" s="1">
        <v>132.690596</v>
      </c>
    </row>
    <row r="104" spans="1:7" ht="15" customHeight="1" x14ac:dyDescent="0.15">
      <c r="A104" s="1">
        <v>103</v>
      </c>
      <c r="B104" s="1" t="s">
        <v>316</v>
      </c>
      <c r="C104" s="1" t="s">
        <v>421</v>
      </c>
      <c r="D104" s="1" t="s">
        <v>384</v>
      </c>
      <c r="E104" s="1" t="s">
        <v>345</v>
      </c>
      <c r="F104" s="1">
        <v>35.432859499999999</v>
      </c>
      <c r="G104" s="1">
        <v>132.816575</v>
      </c>
    </row>
    <row r="105" spans="1:7" ht="15" customHeight="1" x14ac:dyDescent="0.15">
      <c r="A105" s="1">
        <v>104</v>
      </c>
      <c r="B105" s="1" t="s">
        <v>316</v>
      </c>
      <c r="C105" s="1" t="s">
        <v>422</v>
      </c>
      <c r="D105" s="1" t="s">
        <v>383</v>
      </c>
      <c r="E105" s="1" t="s">
        <v>346</v>
      </c>
      <c r="F105" s="1">
        <v>35.432162499999997</v>
      </c>
      <c r="G105" s="1">
        <v>132.83711750000001</v>
      </c>
    </row>
    <row r="106" spans="1:7" ht="15" customHeight="1" x14ac:dyDescent="0.15">
      <c r="A106" s="1">
        <v>105</v>
      </c>
      <c r="B106" s="1" t="s">
        <v>316</v>
      </c>
      <c r="C106" s="1" t="s">
        <v>423</v>
      </c>
      <c r="D106" s="1" t="s">
        <v>382</v>
      </c>
      <c r="E106" s="1" t="s">
        <v>347</v>
      </c>
      <c r="F106" s="1">
        <v>35.425762599999999</v>
      </c>
      <c r="G106" s="1">
        <v>132.8012104</v>
      </c>
    </row>
    <row r="107" spans="1:7" ht="15" customHeight="1" x14ac:dyDescent="0.15">
      <c r="A107" s="1">
        <v>106</v>
      </c>
      <c r="B107" s="1" t="s">
        <v>316</v>
      </c>
      <c r="C107" s="1" t="s">
        <v>424</v>
      </c>
      <c r="D107" s="1" t="s">
        <v>381</v>
      </c>
      <c r="E107" s="1" t="s">
        <v>348</v>
      </c>
      <c r="F107" s="1">
        <v>35.442544099999999</v>
      </c>
      <c r="G107" s="1">
        <v>132.78216019999999</v>
      </c>
    </row>
    <row r="108" spans="1:7" ht="15" customHeight="1" x14ac:dyDescent="0.15">
      <c r="A108" s="1">
        <v>107</v>
      </c>
      <c r="B108" s="1" t="s">
        <v>316</v>
      </c>
      <c r="C108" s="1" t="s">
        <v>425</v>
      </c>
      <c r="D108" s="1" t="s">
        <v>380</v>
      </c>
      <c r="E108" s="1" t="s">
        <v>460</v>
      </c>
      <c r="F108" s="1">
        <v>35.453971099999997</v>
      </c>
      <c r="G108" s="1">
        <v>132.82219029999999</v>
      </c>
    </row>
    <row r="109" spans="1:7" ht="15" customHeight="1" x14ac:dyDescent="0.15">
      <c r="A109" s="1">
        <v>108</v>
      </c>
      <c r="B109" s="1" t="s">
        <v>316</v>
      </c>
      <c r="C109" s="1" t="s">
        <v>433</v>
      </c>
      <c r="D109" s="1" t="s">
        <v>379</v>
      </c>
      <c r="E109" s="1" t="s">
        <v>349</v>
      </c>
      <c r="F109" s="1">
        <v>35.4600486</v>
      </c>
      <c r="G109" s="1">
        <v>132.84508249999999</v>
      </c>
    </row>
    <row r="110" spans="1:7" ht="15" customHeight="1" x14ac:dyDescent="0.15">
      <c r="A110" s="1">
        <v>109</v>
      </c>
      <c r="B110" s="1" t="s">
        <v>316</v>
      </c>
      <c r="C110" s="1" t="s">
        <v>434</v>
      </c>
      <c r="D110" s="1" t="s">
        <v>378</v>
      </c>
      <c r="E110" s="1" t="s">
        <v>350</v>
      </c>
      <c r="F110" s="1">
        <v>35.465504600000003</v>
      </c>
      <c r="G110" s="1">
        <v>132.8773578</v>
      </c>
    </row>
    <row r="111" spans="1:7" ht="15" customHeight="1" x14ac:dyDescent="0.15">
      <c r="A111" s="1">
        <v>110</v>
      </c>
      <c r="B111" s="1" t="s">
        <v>316</v>
      </c>
      <c r="C111" s="1" t="s">
        <v>427</v>
      </c>
      <c r="D111" s="1" t="s">
        <v>377</v>
      </c>
      <c r="E111" s="1" t="s">
        <v>351</v>
      </c>
      <c r="F111" s="1">
        <v>35.243111900000002</v>
      </c>
      <c r="G111" s="1">
        <v>132.7264155</v>
      </c>
    </row>
    <row r="112" spans="1:7" ht="15" customHeight="1" x14ac:dyDescent="0.15">
      <c r="A112" s="1">
        <v>111</v>
      </c>
      <c r="B112" s="1" t="s">
        <v>316</v>
      </c>
      <c r="C112" s="1" t="s">
        <v>428</v>
      </c>
      <c r="D112" s="1" t="s">
        <v>376</v>
      </c>
      <c r="E112" s="1" t="s">
        <v>352</v>
      </c>
      <c r="F112" s="1">
        <v>35.2332173</v>
      </c>
      <c r="G112" s="1">
        <v>132.6711813</v>
      </c>
    </row>
    <row r="113" spans="1:7" ht="15" customHeight="1" x14ac:dyDescent="0.15">
      <c r="A113" s="1">
        <v>112</v>
      </c>
      <c r="B113" s="1" t="s">
        <v>316</v>
      </c>
      <c r="C113" s="1" t="s">
        <v>426</v>
      </c>
      <c r="D113" s="1" t="s">
        <v>375</v>
      </c>
      <c r="E113" s="1" t="s">
        <v>353</v>
      </c>
      <c r="F113" s="1">
        <v>35.284370899999999</v>
      </c>
      <c r="G113" s="1">
        <v>132.6260101</v>
      </c>
    </row>
    <row r="114" spans="1:7" ht="15" customHeight="1" x14ac:dyDescent="0.15">
      <c r="A114" s="1">
        <v>113</v>
      </c>
      <c r="B114" s="1" t="s">
        <v>316</v>
      </c>
      <c r="C114" s="1" t="s">
        <v>429</v>
      </c>
      <c r="D114" s="1" t="s">
        <v>502</v>
      </c>
      <c r="E114" s="1" t="s">
        <v>354</v>
      </c>
      <c r="F114" s="1">
        <v>35.3176974</v>
      </c>
      <c r="G114" s="1">
        <v>132.67261389999999</v>
      </c>
    </row>
    <row r="115" spans="1:7" ht="15" customHeight="1" x14ac:dyDescent="0.15">
      <c r="A115" s="1">
        <v>114</v>
      </c>
      <c r="B115" s="1" t="s">
        <v>316</v>
      </c>
      <c r="C115" s="1" t="s">
        <v>430</v>
      </c>
      <c r="D115" s="1" t="s">
        <v>374</v>
      </c>
      <c r="E115" s="1" t="s">
        <v>355</v>
      </c>
      <c r="F115" s="1">
        <v>35.395413900000001</v>
      </c>
      <c r="G115" s="1">
        <v>132.68252870000001</v>
      </c>
    </row>
    <row r="116" spans="1:7" ht="15" customHeight="1" x14ac:dyDescent="0.15">
      <c r="A116" s="1">
        <v>115</v>
      </c>
      <c r="B116" s="1" t="s">
        <v>316</v>
      </c>
      <c r="C116" s="1" t="s">
        <v>431</v>
      </c>
      <c r="D116" s="1" t="s">
        <v>373</v>
      </c>
      <c r="E116" s="1" t="s">
        <v>356</v>
      </c>
      <c r="F116" s="1">
        <v>35.388625900000001</v>
      </c>
      <c r="G116" s="1">
        <v>132.68830070000001</v>
      </c>
    </row>
    <row r="117" spans="1:7" ht="15" customHeight="1" x14ac:dyDescent="0.15">
      <c r="A117" s="1">
        <v>116</v>
      </c>
      <c r="B117" s="1" t="s">
        <v>316</v>
      </c>
      <c r="C117" s="1" t="s">
        <v>432</v>
      </c>
      <c r="D117" s="1" t="s">
        <v>372</v>
      </c>
      <c r="E117" s="1" t="s">
        <v>357</v>
      </c>
      <c r="F117" s="1">
        <v>35.392553800000002</v>
      </c>
      <c r="G117" s="1">
        <v>132.7178668</v>
      </c>
    </row>
    <row r="118" spans="1:7" ht="15" customHeight="1" x14ac:dyDescent="0.15">
      <c r="A118" s="1">
        <v>117</v>
      </c>
      <c r="B118" s="1" t="s">
        <v>316</v>
      </c>
      <c r="C118" s="1" t="s">
        <v>438</v>
      </c>
      <c r="D118" s="1" t="s">
        <v>371</v>
      </c>
      <c r="E118" s="1" t="s">
        <v>358</v>
      </c>
      <c r="F118" s="1">
        <v>35.391961199999997</v>
      </c>
      <c r="G118" s="1">
        <v>132.8564289</v>
      </c>
    </row>
    <row r="119" spans="1:7" ht="15" customHeight="1" x14ac:dyDescent="0.15">
      <c r="A119" s="1">
        <v>118</v>
      </c>
      <c r="B119" s="1" t="s">
        <v>316</v>
      </c>
      <c r="C119" s="1" t="s">
        <v>435</v>
      </c>
      <c r="D119" s="1" t="s">
        <v>370</v>
      </c>
      <c r="E119" s="1" t="s">
        <v>359</v>
      </c>
      <c r="F119" s="1">
        <v>35.383611899999998</v>
      </c>
      <c r="G119" s="1">
        <v>132.80212299999999</v>
      </c>
    </row>
    <row r="120" spans="1:7" ht="15" customHeight="1" x14ac:dyDescent="0.15">
      <c r="A120" s="1">
        <v>119</v>
      </c>
      <c r="B120" s="1" t="s">
        <v>316</v>
      </c>
      <c r="C120" s="1" t="s">
        <v>435</v>
      </c>
      <c r="D120" s="1" t="s">
        <v>369</v>
      </c>
      <c r="E120" s="1" t="s">
        <v>360</v>
      </c>
      <c r="F120" s="1">
        <v>35.383611899999998</v>
      </c>
      <c r="G120" s="1">
        <v>132.80212299999999</v>
      </c>
    </row>
    <row r="121" spans="1:7" ht="15" customHeight="1" x14ac:dyDescent="0.15">
      <c r="A121" s="1">
        <v>120</v>
      </c>
      <c r="B121" s="1" t="s">
        <v>316</v>
      </c>
      <c r="C121" s="1" t="s">
        <v>436</v>
      </c>
      <c r="D121" s="1" t="s">
        <v>368</v>
      </c>
      <c r="E121" s="1" t="s">
        <v>361</v>
      </c>
      <c r="F121" s="1">
        <v>35.392083100000001</v>
      </c>
      <c r="G121" s="1">
        <v>132.82185430000001</v>
      </c>
    </row>
    <row r="122" spans="1:7" ht="15" customHeight="1" x14ac:dyDescent="0.15">
      <c r="A122" s="1">
        <v>121</v>
      </c>
      <c r="B122" s="1" t="s">
        <v>316</v>
      </c>
      <c r="C122" s="1" t="s">
        <v>437</v>
      </c>
      <c r="D122" s="1" t="s">
        <v>367</v>
      </c>
      <c r="E122" s="1" t="s">
        <v>362</v>
      </c>
      <c r="F122" s="1">
        <v>35.414219699999997</v>
      </c>
      <c r="G122" s="1">
        <v>132.84668439999999</v>
      </c>
    </row>
    <row r="123" spans="1:7" ht="15" customHeight="1" x14ac:dyDescent="0.15">
      <c r="A123" s="1">
        <v>122</v>
      </c>
      <c r="B123" s="1" t="s">
        <v>315</v>
      </c>
      <c r="C123" s="1" t="s">
        <v>297</v>
      </c>
      <c r="D123" s="1" t="s">
        <v>298</v>
      </c>
      <c r="E123" s="1" t="s">
        <v>283</v>
      </c>
      <c r="F123" s="1">
        <v>34.672961800000003</v>
      </c>
      <c r="G123" s="1">
        <v>131.85664689999999</v>
      </c>
    </row>
    <row r="124" spans="1:7" ht="15" customHeight="1" x14ac:dyDescent="0.15">
      <c r="A124" s="1">
        <v>123</v>
      </c>
      <c r="B124" s="1" t="s">
        <v>315</v>
      </c>
      <c r="C124" s="1" t="s">
        <v>299</v>
      </c>
      <c r="D124" s="1" t="s">
        <v>300</v>
      </c>
      <c r="E124" s="1" t="s">
        <v>284</v>
      </c>
      <c r="F124" s="1">
        <v>34.684741099999997</v>
      </c>
      <c r="G124" s="1">
        <v>131.83631790000001</v>
      </c>
    </row>
    <row r="125" spans="1:7" ht="15" customHeight="1" x14ac:dyDescent="0.15">
      <c r="A125" s="1">
        <v>124</v>
      </c>
      <c r="B125" s="1" t="s">
        <v>315</v>
      </c>
      <c r="C125" s="1" t="s">
        <v>299</v>
      </c>
      <c r="D125" s="1" t="s">
        <v>300</v>
      </c>
      <c r="E125" s="1" t="s">
        <v>285</v>
      </c>
      <c r="F125" s="1">
        <v>34.684741099999997</v>
      </c>
      <c r="G125" s="1">
        <v>131.83631790000001</v>
      </c>
    </row>
    <row r="126" spans="1:7" ht="15" customHeight="1" x14ac:dyDescent="0.15">
      <c r="A126" s="1">
        <v>125</v>
      </c>
      <c r="B126" s="1" t="s">
        <v>315</v>
      </c>
      <c r="C126" s="1" t="s">
        <v>299</v>
      </c>
      <c r="D126" s="1" t="s">
        <v>300</v>
      </c>
      <c r="E126" s="1" t="s">
        <v>286</v>
      </c>
      <c r="F126" s="1">
        <v>34.684741099999997</v>
      </c>
      <c r="G126" s="1">
        <v>131.83631790000001</v>
      </c>
    </row>
    <row r="127" spans="1:7" ht="15" customHeight="1" x14ac:dyDescent="0.15">
      <c r="A127" s="1">
        <v>126</v>
      </c>
      <c r="B127" s="1" t="s">
        <v>315</v>
      </c>
      <c r="C127" s="1" t="s">
        <v>505</v>
      </c>
      <c r="D127" s="1" t="s">
        <v>300</v>
      </c>
      <c r="E127" s="1" t="s">
        <v>504</v>
      </c>
      <c r="F127" s="1">
        <v>34.684741099999997</v>
      </c>
      <c r="G127" s="1">
        <v>131.83631790000001</v>
      </c>
    </row>
    <row r="128" spans="1:7" ht="15" customHeight="1" x14ac:dyDescent="0.15">
      <c r="A128" s="1">
        <v>127</v>
      </c>
      <c r="B128" s="1" t="s">
        <v>315</v>
      </c>
      <c r="C128" s="1" t="s">
        <v>301</v>
      </c>
      <c r="D128" s="1" t="s">
        <v>503</v>
      </c>
      <c r="E128" s="1" t="s">
        <v>287</v>
      </c>
      <c r="F128" s="1">
        <v>34.685607400000002</v>
      </c>
      <c r="G128" s="1">
        <v>131.82188009999999</v>
      </c>
    </row>
    <row r="129" spans="1:7" ht="15" customHeight="1" x14ac:dyDescent="0.15">
      <c r="A129" s="1">
        <v>128</v>
      </c>
      <c r="B129" s="1" t="s">
        <v>315</v>
      </c>
      <c r="C129" s="1" t="s">
        <v>301</v>
      </c>
      <c r="D129" s="1" t="s">
        <v>503</v>
      </c>
      <c r="E129" s="1" t="s">
        <v>288</v>
      </c>
      <c r="F129" s="1">
        <v>34.685607400000002</v>
      </c>
      <c r="G129" s="1">
        <v>131.82188009999999</v>
      </c>
    </row>
    <row r="130" spans="1:7" ht="15" customHeight="1" x14ac:dyDescent="0.15">
      <c r="A130" s="1">
        <v>129</v>
      </c>
      <c r="B130" s="1" t="s">
        <v>315</v>
      </c>
      <c r="C130" s="1" t="s">
        <v>507</v>
      </c>
      <c r="D130" s="1" t="s">
        <v>506</v>
      </c>
      <c r="E130" s="1" t="s">
        <v>290</v>
      </c>
      <c r="F130" s="1">
        <v>34.668770600000002</v>
      </c>
      <c r="G130" s="1">
        <v>131.84430359999999</v>
      </c>
    </row>
    <row r="131" spans="1:7" ht="15" customHeight="1" x14ac:dyDescent="0.15">
      <c r="A131" s="1">
        <v>130</v>
      </c>
      <c r="B131" s="1" t="s">
        <v>315</v>
      </c>
      <c r="C131" s="1" t="s">
        <v>302</v>
      </c>
      <c r="D131" s="1" t="s">
        <v>303</v>
      </c>
      <c r="E131" s="1" t="s">
        <v>289</v>
      </c>
      <c r="F131" s="1">
        <v>34.713938800000001</v>
      </c>
      <c r="G131" s="1">
        <v>131.8594602</v>
      </c>
    </row>
    <row r="132" spans="1:7" ht="15" customHeight="1" x14ac:dyDescent="0.15">
      <c r="A132" s="1">
        <v>131</v>
      </c>
      <c r="B132" s="1" t="s">
        <v>315</v>
      </c>
      <c r="C132" s="1" t="s">
        <v>307</v>
      </c>
      <c r="D132" s="1" t="s">
        <v>308</v>
      </c>
      <c r="E132" s="1" t="s">
        <v>293</v>
      </c>
      <c r="F132" s="1">
        <v>34.6716087</v>
      </c>
      <c r="G132" s="1">
        <v>131.87623600000001</v>
      </c>
    </row>
    <row r="133" spans="1:7" ht="15" customHeight="1" x14ac:dyDescent="0.15">
      <c r="A133" s="1">
        <v>132</v>
      </c>
      <c r="B133" s="1" t="s">
        <v>315</v>
      </c>
      <c r="C133" s="1" t="s">
        <v>304</v>
      </c>
      <c r="D133" s="1" t="s">
        <v>305</v>
      </c>
      <c r="E133" s="1" t="s">
        <v>291</v>
      </c>
      <c r="F133" s="1">
        <v>34.625291900000001</v>
      </c>
      <c r="G133" s="1">
        <v>131.81019689999999</v>
      </c>
    </row>
    <row r="134" spans="1:7" ht="15" customHeight="1" x14ac:dyDescent="0.15">
      <c r="A134" s="1">
        <v>133</v>
      </c>
      <c r="B134" s="1" t="s">
        <v>315</v>
      </c>
      <c r="C134" s="1" t="s">
        <v>306</v>
      </c>
      <c r="D134" s="1" t="s">
        <v>305</v>
      </c>
      <c r="E134" s="1" t="s">
        <v>292</v>
      </c>
      <c r="F134" s="1">
        <v>34.625291900000001</v>
      </c>
      <c r="G134" s="1">
        <v>131.81019689999999</v>
      </c>
    </row>
    <row r="135" spans="1:7" ht="15" customHeight="1" x14ac:dyDescent="0.15">
      <c r="A135" s="1">
        <v>134</v>
      </c>
      <c r="B135" s="1" t="s">
        <v>315</v>
      </c>
      <c r="C135" s="1" t="s">
        <v>309</v>
      </c>
      <c r="D135" s="1" t="s">
        <v>310</v>
      </c>
      <c r="E135" s="1" t="s">
        <v>294</v>
      </c>
      <c r="F135" s="1">
        <v>34.648782699999998</v>
      </c>
      <c r="G135" s="1">
        <v>131.77735250000001</v>
      </c>
    </row>
    <row r="136" spans="1:7" ht="15" customHeight="1" x14ac:dyDescent="0.15">
      <c r="A136" s="1">
        <v>135</v>
      </c>
      <c r="B136" s="1" t="s">
        <v>315</v>
      </c>
      <c r="C136" s="1" t="s">
        <v>311</v>
      </c>
      <c r="D136" s="1" t="s">
        <v>312</v>
      </c>
      <c r="E136" s="1" t="s">
        <v>295</v>
      </c>
      <c r="F136" s="1">
        <v>34.680579799999997</v>
      </c>
      <c r="G136" s="1">
        <v>131.92904960000001</v>
      </c>
    </row>
    <row r="137" spans="1:7" ht="15" customHeight="1" x14ac:dyDescent="0.15">
      <c r="A137" s="1">
        <v>136</v>
      </c>
      <c r="B137" s="1" t="s">
        <v>315</v>
      </c>
      <c r="C137" s="1" t="s">
        <v>313</v>
      </c>
      <c r="D137" s="1" t="s">
        <v>314</v>
      </c>
      <c r="E137" s="1" t="s">
        <v>296</v>
      </c>
      <c r="F137" s="1">
        <v>34.666623600000001</v>
      </c>
      <c r="G137" s="1">
        <v>131.98570509999999</v>
      </c>
    </row>
    <row r="138" spans="1:7" ht="15" customHeight="1" x14ac:dyDescent="0.15">
      <c r="A138" s="1">
        <v>137</v>
      </c>
      <c r="B138" s="1" t="s">
        <v>205</v>
      </c>
      <c r="C138" s="1" t="s">
        <v>217</v>
      </c>
      <c r="D138" s="1" t="s">
        <v>193</v>
      </c>
      <c r="E138" s="1" t="s">
        <v>159</v>
      </c>
      <c r="F138" s="1">
        <v>35.194861699999997</v>
      </c>
      <c r="G138" s="1">
        <v>132.5081868</v>
      </c>
    </row>
    <row r="139" spans="1:7" ht="15" customHeight="1" x14ac:dyDescent="0.15">
      <c r="A139" s="1">
        <v>138</v>
      </c>
      <c r="B139" s="1" t="s">
        <v>205</v>
      </c>
      <c r="C139" s="1" t="s">
        <v>196</v>
      </c>
      <c r="D139" s="1" t="s">
        <v>580</v>
      </c>
      <c r="E139" s="1" t="s">
        <v>162</v>
      </c>
      <c r="F139" s="1">
        <v>35.193841499999998</v>
      </c>
      <c r="G139" s="1">
        <v>132.50070239999999</v>
      </c>
    </row>
    <row r="140" spans="1:7" ht="15" customHeight="1" x14ac:dyDescent="0.15">
      <c r="A140" s="1">
        <v>139</v>
      </c>
      <c r="B140" s="1" t="s">
        <v>205</v>
      </c>
      <c r="C140" s="1" t="s">
        <v>196</v>
      </c>
      <c r="D140" s="1" t="s">
        <v>201</v>
      </c>
      <c r="E140" s="1" t="s">
        <v>167</v>
      </c>
      <c r="F140" s="1">
        <v>35.193375600000003</v>
      </c>
      <c r="G140" s="1">
        <v>132.5013624</v>
      </c>
    </row>
    <row r="141" spans="1:7" ht="15" customHeight="1" x14ac:dyDescent="0.15">
      <c r="A141" s="1">
        <v>140</v>
      </c>
      <c r="B141" s="1" t="s">
        <v>205</v>
      </c>
      <c r="C141" s="1" t="s">
        <v>200</v>
      </c>
      <c r="D141" s="1" t="s">
        <v>581</v>
      </c>
      <c r="E141" s="1" t="s">
        <v>166</v>
      </c>
      <c r="F141" s="1">
        <v>35.244336400000002</v>
      </c>
      <c r="G141" s="1">
        <v>132.5413326</v>
      </c>
    </row>
    <row r="142" spans="1:7" ht="15" customHeight="1" x14ac:dyDescent="0.15">
      <c r="A142" s="1">
        <v>141</v>
      </c>
      <c r="B142" s="1" t="s">
        <v>205</v>
      </c>
      <c r="C142" s="1" t="s">
        <v>194</v>
      </c>
      <c r="D142" s="1" t="s">
        <v>195</v>
      </c>
      <c r="E142" s="1" t="s">
        <v>161</v>
      </c>
      <c r="F142" s="1">
        <v>35.1506805</v>
      </c>
      <c r="G142" s="1">
        <v>132.3990786</v>
      </c>
    </row>
    <row r="143" spans="1:7" ht="15" customHeight="1" x14ac:dyDescent="0.15">
      <c r="A143" s="1">
        <v>142</v>
      </c>
      <c r="B143" s="1" t="s">
        <v>205</v>
      </c>
      <c r="C143" s="1" t="s">
        <v>199</v>
      </c>
      <c r="D143" s="1" t="s">
        <v>202</v>
      </c>
      <c r="E143" s="1" t="s">
        <v>165</v>
      </c>
      <c r="F143" s="1">
        <v>35.072786000000001</v>
      </c>
      <c r="G143" s="1">
        <v>132.33345539999999</v>
      </c>
    </row>
    <row r="144" spans="1:7" ht="15" customHeight="1" x14ac:dyDescent="0.15">
      <c r="A144" s="1">
        <v>143</v>
      </c>
      <c r="B144" s="1" t="s">
        <v>205</v>
      </c>
      <c r="C144" s="1" t="s">
        <v>583</v>
      </c>
      <c r="D144" s="1" t="s">
        <v>582</v>
      </c>
      <c r="E144" s="1" t="s">
        <v>160</v>
      </c>
      <c r="F144" s="1">
        <v>35.234046499999998</v>
      </c>
      <c r="G144" s="1">
        <v>132.50907509999999</v>
      </c>
    </row>
    <row r="145" spans="1:7" ht="15" customHeight="1" x14ac:dyDescent="0.15">
      <c r="A145" s="1">
        <v>144</v>
      </c>
      <c r="B145" s="1" t="s">
        <v>205</v>
      </c>
      <c r="C145" s="1" t="s">
        <v>197</v>
      </c>
      <c r="D145" s="1" t="s">
        <v>204</v>
      </c>
      <c r="E145" s="1" t="s">
        <v>163</v>
      </c>
      <c r="F145" s="1">
        <v>35.196227800000003</v>
      </c>
      <c r="G145" s="1">
        <v>132.4796005</v>
      </c>
    </row>
    <row r="146" spans="1:7" ht="15" customHeight="1" x14ac:dyDescent="0.15">
      <c r="A146" s="1">
        <v>145</v>
      </c>
      <c r="B146" s="1" t="s">
        <v>205</v>
      </c>
      <c r="C146" s="1" t="s">
        <v>198</v>
      </c>
      <c r="D146" s="1" t="s">
        <v>203</v>
      </c>
      <c r="E146" s="1" t="s">
        <v>164</v>
      </c>
      <c r="F146" s="1">
        <v>35.180365999999999</v>
      </c>
      <c r="G146" s="1">
        <v>132.5036983</v>
      </c>
    </row>
    <row r="147" spans="1:7" ht="15" customHeight="1" x14ac:dyDescent="0.15">
      <c r="A147" s="1">
        <v>146</v>
      </c>
      <c r="B147" s="1" t="s">
        <v>225</v>
      </c>
      <c r="C147" s="1" t="s">
        <v>209</v>
      </c>
      <c r="D147" s="1" t="s">
        <v>210</v>
      </c>
      <c r="E147" s="1" t="s">
        <v>149</v>
      </c>
      <c r="F147" s="1">
        <v>35.422245799999999</v>
      </c>
      <c r="G147" s="1">
        <v>133.24871830000001</v>
      </c>
    </row>
    <row r="148" spans="1:7" ht="15" customHeight="1" x14ac:dyDescent="0.15">
      <c r="A148" s="1">
        <v>147</v>
      </c>
      <c r="B148" s="1" t="s">
        <v>225</v>
      </c>
      <c r="C148" s="1" t="s">
        <v>218</v>
      </c>
      <c r="D148" s="1" t="s">
        <v>463</v>
      </c>
      <c r="E148" s="1" t="s">
        <v>155</v>
      </c>
      <c r="F148" s="1">
        <v>35.4293257</v>
      </c>
      <c r="G148" s="1">
        <v>133.24795979999999</v>
      </c>
    </row>
    <row r="149" spans="1:7" ht="15" customHeight="1" x14ac:dyDescent="0.15">
      <c r="A149" s="1">
        <v>148</v>
      </c>
      <c r="B149" s="1" t="s">
        <v>225</v>
      </c>
      <c r="C149" s="1" t="s">
        <v>221</v>
      </c>
      <c r="D149" s="1" t="s">
        <v>472</v>
      </c>
      <c r="E149" s="1" t="s">
        <v>157</v>
      </c>
      <c r="F149" s="1">
        <v>35.429328499999997</v>
      </c>
      <c r="G149" s="1">
        <v>133.22523609999999</v>
      </c>
    </row>
    <row r="150" spans="1:7" ht="15" customHeight="1" x14ac:dyDescent="0.15">
      <c r="A150" s="1">
        <v>149</v>
      </c>
      <c r="B150" s="1" t="s">
        <v>225</v>
      </c>
      <c r="C150" s="1" t="s">
        <v>213</v>
      </c>
      <c r="D150" s="1" t="s">
        <v>471</v>
      </c>
      <c r="E150" s="1" t="s">
        <v>152</v>
      </c>
      <c r="F150" s="1">
        <v>35.428016999999997</v>
      </c>
      <c r="G150" s="1">
        <v>133.20561559999999</v>
      </c>
    </row>
    <row r="151" spans="1:7" ht="15" customHeight="1" x14ac:dyDescent="0.15">
      <c r="A151" s="1">
        <v>150</v>
      </c>
      <c r="B151" s="1" t="s">
        <v>225</v>
      </c>
      <c r="C151" s="1" t="s">
        <v>207</v>
      </c>
      <c r="D151" s="1" t="s">
        <v>206</v>
      </c>
      <c r="E151" s="1" t="s">
        <v>147</v>
      </c>
      <c r="F151" s="1">
        <v>35.419802699999998</v>
      </c>
      <c r="G151" s="1">
        <v>133.29567040000001</v>
      </c>
    </row>
    <row r="152" spans="1:7" ht="15" customHeight="1" x14ac:dyDescent="0.15">
      <c r="A152" s="1">
        <v>151</v>
      </c>
      <c r="B152" s="1" t="s">
        <v>225</v>
      </c>
      <c r="C152" s="1" t="s">
        <v>219</v>
      </c>
      <c r="D152" s="1" t="s">
        <v>224</v>
      </c>
      <c r="E152" s="1" t="s">
        <v>561</v>
      </c>
      <c r="F152" s="1">
        <v>35.367449299999997</v>
      </c>
      <c r="G152" s="1">
        <v>133.17160609999999</v>
      </c>
    </row>
    <row r="153" spans="1:7" ht="15" customHeight="1" x14ac:dyDescent="0.15">
      <c r="A153" s="1">
        <v>152</v>
      </c>
      <c r="B153" s="1" t="s">
        <v>225</v>
      </c>
      <c r="C153" s="1" t="s">
        <v>214</v>
      </c>
      <c r="D153" s="1" t="s">
        <v>215</v>
      </c>
      <c r="E153" s="1" t="s">
        <v>153</v>
      </c>
      <c r="F153" s="1">
        <v>35.370959599999999</v>
      </c>
      <c r="G153" s="1">
        <v>133.28384270000001</v>
      </c>
    </row>
    <row r="154" spans="1:7" ht="15" customHeight="1" x14ac:dyDescent="0.15">
      <c r="A154" s="1">
        <v>153</v>
      </c>
      <c r="B154" s="1" t="s">
        <v>225</v>
      </c>
      <c r="C154" s="1" t="s">
        <v>211</v>
      </c>
      <c r="D154" s="1" t="s">
        <v>461</v>
      </c>
      <c r="E154" s="1" t="s">
        <v>150</v>
      </c>
      <c r="F154" s="1">
        <v>35.352600099999997</v>
      </c>
      <c r="G154" s="1">
        <v>133.27330549999999</v>
      </c>
    </row>
    <row r="155" spans="1:7" ht="15" customHeight="1" x14ac:dyDescent="0.15">
      <c r="A155" s="1">
        <v>154</v>
      </c>
      <c r="B155" s="1" t="s">
        <v>225</v>
      </c>
      <c r="C155" s="1" t="s">
        <v>220</v>
      </c>
      <c r="D155" s="1" t="s">
        <v>562</v>
      </c>
      <c r="E155" s="1" t="s">
        <v>156</v>
      </c>
      <c r="F155" s="1">
        <v>35.295900899999999</v>
      </c>
      <c r="G155" s="1">
        <v>133.2598668</v>
      </c>
    </row>
    <row r="156" spans="1:7" ht="15" customHeight="1" x14ac:dyDescent="0.15">
      <c r="A156" s="1">
        <v>155</v>
      </c>
      <c r="B156" s="1" t="s">
        <v>225</v>
      </c>
      <c r="C156" s="1" t="s">
        <v>212</v>
      </c>
      <c r="D156" s="1" t="s">
        <v>470</v>
      </c>
      <c r="E156" s="1" t="s">
        <v>151</v>
      </c>
      <c r="F156" s="1">
        <v>35.392668299999997</v>
      </c>
      <c r="G156" s="1">
        <v>133.26862629999999</v>
      </c>
    </row>
    <row r="157" spans="1:7" ht="15" customHeight="1" x14ac:dyDescent="0.15">
      <c r="A157" s="1">
        <v>156</v>
      </c>
      <c r="B157" s="1" t="s">
        <v>225</v>
      </c>
      <c r="C157" s="1" t="s">
        <v>208</v>
      </c>
      <c r="D157" s="1" t="s">
        <v>469</v>
      </c>
      <c r="E157" s="1" t="s">
        <v>148</v>
      </c>
      <c r="F157" s="1">
        <v>35.391703399999997</v>
      </c>
      <c r="G157" s="1">
        <v>133.2037809</v>
      </c>
    </row>
    <row r="158" spans="1:7" ht="15" customHeight="1" x14ac:dyDescent="0.15">
      <c r="A158" s="1">
        <v>157</v>
      </c>
      <c r="B158" s="1" t="s">
        <v>225</v>
      </c>
      <c r="C158" s="1" t="s">
        <v>216</v>
      </c>
      <c r="D158" s="1" t="s">
        <v>462</v>
      </c>
      <c r="E158" s="1" t="s">
        <v>154</v>
      </c>
      <c r="F158" s="1">
        <v>35.393540299999998</v>
      </c>
      <c r="G158" s="1">
        <v>133.2639432</v>
      </c>
    </row>
    <row r="159" spans="1:7" ht="15" customHeight="1" x14ac:dyDescent="0.15">
      <c r="A159" s="1">
        <v>158</v>
      </c>
      <c r="B159" s="1" t="s">
        <v>225</v>
      </c>
      <c r="C159" s="1" t="s">
        <v>222</v>
      </c>
      <c r="D159" s="1" t="s">
        <v>223</v>
      </c>
      <c r="E159" s="1" t="s">
        <v>158</v>
      </c>
      <c r="F159" s="1">
        <v>35.242117899999997</v>
      </c>
      <c r="G159" s="1">
        <v>133.1354158</v>
      </c>
    </row>
    <row r="160" spans="1:7" ht="15" customHeight="1" x14ac:dyDescent="0.15">
      <c r="A160" s="1">
        <v>159</v>
      </c>
      <c r="B160" s="1" t="s">
        <v>317</v>
      </c>
      <c r="C160" s="1" t="s">
        <v>453</v>
      </c>
      <c r="D160" s="1" t="s">
        <v>446</v>
      </c>
      <c r="E160" s="1" t="s">
        <v>439</v>
      </c>
      <c r="F160" s="1">
        <v>34.983567499999999</v>
      </c>
      <c r="G160" s="1">
        <v>132.1945058</v>
      </c>
    </row>
    <row r="161" spans="1:7" ht="15" customHeight="1" x14ac:dyDescent="0.15">
      <c r="A161" s="1">
        <v>160</v>
      </c>
      <c r="B161" s="1" t="s">
        <v>317</v>
      </c>
      <c r="C161" s="1" t="s">
        <v>454</v>
      </c>
      <c r="D161" s="1" t="s">
        <v>447</v>
      </c>
      <c r="E161" s="1" t="s">
        <v>440</v>
      </c>
      <c r="F161" s="1">
        <v>35.003304499999999</v>
      </c>
      <c r="G161" s="1">
        <v>132.20977600000001</v>
      </c>
    </row>
    <row r="162" spans="1:7" ht="15" customHeight="1" x14ac:dyDescent="0.15">
      <c r="A162" s="1">
        <v>161</v>
      </c>
      <c r="B162" s="1" t="s">
        <v>317</v>
      </c>
      <c r="C162" s="1" t="s">
        <v>455</v>
      </c>
      <c r="D162" s="1" t="s">
        <v>448</v>
      </c>
      <c r="E162" s="1" t="s">
        <v>441</v>
      </c>
      <c r="F162" s="1">
        <v>35.041847500000003</v>
      </c>
      <c r="G162" s="1">
        <v>132.29292950000001</v>
      </c>
    </row>
    <row r="163" spans="1:7" ht="15" customHeight="1" x14ac:dyDescent="0.15">
      <c r="A163" s="1">
        <v>162</v>
      </c>
      <c r="B163" s="1" t="s">
        <v>317</v>
      </c>
      <c r="C163" s="1" t="s">
        <v>456</v>
      </c>
      <c r="D163" s="1" t="s">
        <v>449</v>
      </c>
      <c r="E163" s="1" t="s">
        <v>442</v>
      </c>
      <c r="F163" s="1">
        <v>34.952007899999998</v>
      </c>
      <c r="G163" s="1">
        <v>132.3350241</v>
      </c>
    </row>
    <row r="164" spans="1:7" ht="15" customHeight="1" x14ac:dyDescent="0.15">
      <c r="A164" s="1">
        <v>163</v>
      </c>
      <c r="B164" s="1" t="s">
        <v>317</v>
      </c>
      <c r="C164" s="1" t="s">
        <v>457</v>
      </c>
      <c r="D164" s="1" t="s">
        <v>450</v>
      </c>
      <c r="E164" s="1" t="s">
        <v>443</v>
      </c>
      <c r="F164" s="1">
        <v>35.022588300000002</v>
      </c>
      <c r="G164" s="1">
        <v>132.23353460000001</v>
      </c>
    </row>
    <row r="165" spans="1:7" ht="15" customHeight="1" x14ac:dyDescent="0.15">
      <c r="A165" s="1">
        <v>164</v>
      </c>
      <c r="B165" s="1" t="s">
        <v>317</v>
      </c>
      <c r="C165" s="1" t="s">
        <v>458</v>
      </c>
      <c r="D165" s="1" t="s">
        <v>451</v>
      </c>
      <c r="E165" s="1" t="s">
        <v>444</v>
      </c>
      <c r="F165" s="1">
        <v>34.973607199999996</v>
      </c>
      <c r="G165" s="1">
        <v>132.15841130000001</v>
      </c>
    </row>
    <row r="166" spans="1:7" ht="15" customHeight="1" x14ac:dyDescent="0.15">
      <c r="A166" s="1">
        <v>165</v>
      </c>
      <c r="B166" s="1" t="s">
        <v>317</v>
      </c>
      <c r="C166" s="1" t="s">
        <v>459</v>
      </c>
      <c r="D166" s="1" t="s">
        <v>452</v>
      </c>
      <c r="E166" s="1" t="s">
        <v>445</v>
      </c>
      <c r="F166" s="1">
        <v>35.008067799999999</v>
      </c>
      <c r="G166" s="1">
        <v>132.22461620000001</v>
      </c>
    </row>
    <row r="167" spans="1:7" ht="15" customHeight="1" x14ac:dyDescent="0.15">
      <c r="A167" s="1">
        <v>166</v>
      </c>
      <c r="B167" s="1" t="s">
        <v>246</v>
      </c>
      <c r="C167" s="1" t="s">
        <v>228</v>
      </c>
      <c r="D167" s="1" t="s">
        <v>229</v>
      </c>
      <c r="E167" s="1" t="s">
        <v>226</v>
      </c>
      <c r="F167" s="1">
        <v>35.325028099999997</v>
      </c>
      <c r="G167" s="1">
        <v>132.97683810000001</v>
      </c>
    </row>
    <row r="168" spans="1:7" ht="15" customHeight="1" x14ac:dyDescent="0.15">
      <c r="A168" s="1">
        <v>167</v>
      </c>
      <c r="B168" s="1" t="s">
        <v>246</v>
      </c>
      <c r="C168" s="1" t="s">
        <v>230</v>
      </c>
      <c r="D168" s="1" t="s">
        <v>231</v>
      </c>
      <c r="E168" s="1" t="s">
        <v>169</v>
      </c>
      <c r="F168" s="1">
        <v>35.322289099999999</v>
      </c>
      <c r="G168" s="1">
        <v>132.96195929999999</v>
      </c>
    </row>
    <row r="169" spans="1:7" ht="15" customHeight="1" x14ac:dyDescent="0.15">
      <c r="A169" s="1">
        <v>168</v>
      </c>
      <c r="B169" s="1" t="s">
        <v>246</v>
      </c>
      <c r="C169" s="1" t="s">
        <v>232</v>
      </c>
      <c r="D169" s="1" t="s">
        <v>233</v>
      </c>
      <c r="E169" s="1" t="s">
        <v>227</v>
      </c>
      <c r="F169" s="1">
        <v>35.322417100000003</v>
      </c>
      <c r="G169" s="1">
        <v>132.9712111</v>
      </c>
    </row>
    <row r="170" spans="1:7" ht="15" customHeight="1" x14ac:dyDescent="0.15">
      <c r="A170" s="1">
        <v>169</v>
      </c>
      <c r="B170" s="1" t="s">
        <v>246</v>
      </c>
      <c r="C170" s="1" t="s">
        <v>234</v>
      </c>
      <c r="D170" s="1" t="s">
        <v>235</v>
      </c>
      <c r="E170" s="1" t="s">
        <v>170</v>
      </c>
      <c r="F170" s="1">
        <v>35.3351671</v>
      </c>
      <c r="G170" s="1">
        <v>133.0210888</v>
      </c>
    </row>
    <row r="171" spans="1:7" ht="15" customHeight="1" x14ac:dyDescent="0.15">
      <c r="A171" s="1">
        <v>170</v>
      </c>
      <c r="B171" s="1" t="s">
        <v>246</v>
      </c>
      <c r="C171" s="1" t="s">
        <v>236</v>
      </c>
      <c r="D171" s="1" t="s">
        <v>237</v>
      </c>
      <c r="E171" s="1" t="s">
        <v>171</v>
      </c>
      <c r="F171" s="1">
        <v>35.346498500000003</v>
      </c>
      <c r="G171" s="1">
        <v>132.9077423</v>
      </c>
    </row>
    <row r="172" spans="1:7" ht="15" customHeight="1" x14ac:dyDescent="0.15">
      <c r="A172" s="1">
        <v>171</v>
      </c>
      <c r="B172" s="1" t="s">
        <v>246</v>
      </c>
      <c r="C172" s="1" t="s">
        <v>240</v>
      </c>
      <c r="D172" s="1" t="s">
        <v>241</v>
      </c>
      <c r="E172" s="1" t="s">
        <v>173</v>
      </c>
      <c r="F172" s="1">
        <v>35.287528399999999</v>
      </c>
      <c r="G172" s="1">
        <v>132.9009916</v>
      </c>
    </row>
    <row r="173" spans="1:7" ht="15" customHeight="1" x14ac:dyDescent="0.15">
      <c r="A173" s="1">
        <v>172</v>
      </c>
      <c r="B173" s="1" t="s">
        <v>246</v>
      </c>
      <c r="C173" s="1" t="s">
        <v>238</v>
      </c>
      <c r="D173" s="1" t="s">
        <v>239</v>
      </c>
      <c r="E173" s="1" t="s">
        <v>172</v>
      </c>
      <c r="F173" s="1">
        <v>35.306667500000003</v>
      </c>
      <c r="G173" s="1">
        <v>132.90599599999999</v>
      </c>
    </row>
    <row r="174" spans="1:7" ht="15" customHeight="1" x14ac:dyDescent="0.15">
      <c r="A174" s="1">
        <v>173</v>
      </c>
      <c r="B174" s="1" t="s">
        <v>246</v>
      </c>
      <c r="C174" s="1" t="s">
        <v>498</v>
      </c>
      <c r="D174" s="1" t="s">
        <v>497</v>
      </c>
      <c r="E174" s="1" t="s">
        <v>496</v>
      </c>
      <c r="F174" s="1">
        <v>35.279260700000002</v>
      </c>
      <c r="G174" s="1">
        <v>132.9302356</v>
      </c>
    </row>
    <row r="175" spans="1:7" ht="15" customHeight="1" x14ac:dyDescent="0.15">
      <c r="A175" s="1">
        <v>174</v>
      </c>
      <c r="B175" s="1" t="s">
        <v>246</v>
      </c>
      <c r="C175" s="1" t="s">
        <v>242</v>
      </c>
      <c r="D175" s="1" t="s">
        <v>243</v>
      </c>
      <c r="E175" s="1" t="s">
        <v>174</v>
      </c>
      <c r="F175" s="1">
        <v>35.293655000000001</v>
      </c>
      <c r="G175" s="1">
        <v>132.8765301</v>
      </c>
    </row>
    <row r="176" spans="1:7" ht="15" customHeight="1" x14ac:dyDescent="0.15">
      <c r="A176" s="1">
        <v>175</v>
      </c>
      <c r="B176" s="1" t="s">
        <v>246</v>
      </c>
      <c r="C176" s="1" t="s">
        <v>244</v>
      </c>
      <c r="D176" s="1" t="s">
        <v>245</v>
      </c>
      <c r="E176" s="1" t="s">
        <v>495</v>
      </c>
      <c r="F176" s="1">
        <v>35.196463899999998</v>
      </c>
      <c r="G176" s="1">
        <v>132.81465270000001</v>
      </c>
    </row>
    <row r="177" spans="1:7" ht="15" customHeight="1" x14ac:dyDescent="0.15">
      <c r="A177" s="1">
        <v>176</v>
      </c>
      <c r="B177" s="1" t="s">
        <v>256</v>
      </c>
      <c r="C177" s="1" t="s">
        <v>247</v>
      </c>
      <c r="D177" s="1" t="s">
        <v>564</v>
      </c>
      <c r="E177" s="2" t="s">
        <v>563</v>
      </c>
      <c r="F177" s="1">
        <v>35.198040599999999</v>
      </c>
      <c r="G177" s="1">
        <v>133.00398989999999</v>
      </c>
    </row>
    <row r="178" spans="1:7" ht="15" customHeight="1" x14ac:dyDescent="0.15">
      <c r="A178" s="1">
        <v>177</v>
      </c>
      <c r="B178" s="1" t="s">
        <v>256</v>
      </c>
      <c r="C178" s="1" t="s">
        <v>248</v>
      </c>
      <c r="D178" s="1" t="s">
        <v>565</v>
      </c>
      <c r="E178" s="2" t="s">
        <v>168</v>
      </c>
      <c r="F178" s="1">
        <v>35.178933299999997</v>
      </c>
      <c r="G178" s="1">
        <v>133.0975215</v>
      </c>
    </row>
    <row r="179" spans="1:7" ht="15" customHeight="1" x14ac:dyDescent="0.15">
      <c r="A179" s="1">
        <v>178</v>
      </c>
      <c r="B179" s="1" t="s">
        <v>256</v>
      </c>
      <c r="C179" s="1" t="s">
        <v>249</v>
      </c>
      <c r="D179" s="1" t="s">
        <v>567</v>
      </c>
      <c r="E179" s="2" t="s">
        <v>566</v>
      </c>
      <c r="F179" s="1">
        <v>35.145248899999999</v>
      </c>
      <c r="G179" s="1">
        <v>132.95194979999999</v>
      </c>
    </row>
    <row r="180" spans="1:7" ht="15" customHeight="1" x14ac:dyDescent="0.15">
      <c r="A180" s="1">
        <v>179</v>
      </c>
      <c r="B180" s="1" t="s">
        <v>256</v>
      </c>
      <c r="C180" s="1" t="s">
        <v>250</v>
      </c>
      <c r="D180" s="1" t="s">
        <v>568</v>
      </c>
      <c r="E180" s="2" t="s">
        <v>569</v>
      </c>
      <c r="F180" s="1">
        <v>35.124566299999998</v>
      </c>
      <c r="G180" s="1">
        <v>133.04492569999999</v>
      </c>
    </row>
    <row r="181" spans="1:7" ht="15" customHeight="1" x14ac:dyDescent="0.15">
      <c r="A181" s="1">
        <v>180</v>
      </c>
      <c r="B181" s="1" t="s">
        <v>256</v>
      </c>
      <c r="C181" s="1" t="s">
        <v>251</v>
      </c>
      <c r="D181" s="1" t="s">
        <v>570</v>
      </c>
      <c r="E181" s="2" t="s">
        <v>571</v>
      </c>
      <c r="F181" s="1">
        <v>35.229477600000003</v>
      </c>
      <c r="G181" s="1">
        <v>133.00085039999999</v>
      </c>
    </row>
    <row r="182" spans="1:7" ht="15" customHeight="1" x14ac:dyDescent="0.15">
      <c r="A182" s="1">
        <v>181</v>
      </c>
      <c r="B182" s="1" t="s">
        <v>256</v>
      </c>
      <c r="C182" s="1" t="s">
        <v>252</v>
      </c>
      <c r="D182" s="1" t="s">
        <v>573</v>
      </c>
      <c r="E182" s="2" t="s">
        <v>572</v>
      </c>
      <c r="F182" s="1">
        <v>35.155113800000002</v>
      </c>
      <c r="G182" s="1">
        <v>133.08468189999999</v>
      </c>
    </row>
    <row r="183" spans="1:7" ht="15" customHeight="1" x14ac:dyDescent="0.15">
      <c r="A183" s="1">
        <v>182</v>
      </c>
      <c r="B183" s="1" t="s">
        <v>256</v>
      </c>
      <c r="C183" s="1" t="s">
        <v>253</v>
      </c>
      <c r="D183" s="1" t="s">
        <v>574</v>
      </c>
      <c r="E183" s="2" t="s">
        <v>575</v>
      </c>
      <c r="F183" s="1">
        <v>35.182194299999999</v>
      </c>
      <c r="G183" s="1">
        <v>133.13311540000001</v>
      </c>
    </row>
    <row r="184" spans="1:7" ht="15" customHeight="1" x14ac:dyDescent="0.15">
      <c r="A184" s="1">
        <v>183</v>
      </c>
      <c r="B184" s="1" t="s">
        <v>256</v>
      </c>
      <c r="C184" s="1" t="s">
        <v>254</v>
      </c>
      <c r="D184" s="1" t="s">
        <v>576</v>
      </c>
      <c r="E184" s="2" t="s">
        <v>577</v>
      </c>
      <c r="F184" s="1">
        <v>35.221785799999999</v>
      </c>
      <c r="G184" s="1">
        <v>133.07742329999999</v>
      </c>
    </row>
    <row r="185" spans="1:7" ht="15" customHeight="1" x14ac:dyDescent="0.15">
      <c r="A185" s="1">
        <v>184</v>
      </c>
      <c r="B185" s="1" t="s">
        <v>256</v>
      </c>
      <c r="C185" s="1" t="s">
        <v>255</v>
      </c>
      <c r="D185" s="1" t="s">
        <v>579</v>
      </c>
      <c r="E185" s="2" t="s">
        <v>578</v>
      </c>
      <c r="F185" s="1">
        <v>35.204608299999997</v>
      </c>
      <c r="G185" s="1">
        <v>132.9737571</v>
      </c>
    </row>
    <row r="186" spans="1:7" ht="15" customHeight="1" x14ac:dyDescent="0.15">
      <c r="A186" s="1">
        <v>185</v>
      </c>
      <c r="B186" s="1" t="s">
        <v>276</v>
      </c>
      <c r="C186" s="1" t="s">
        <v>280</v>
      </c>
      <c r="D186" s="1" t="s">
        <v>597</v>
      </c>
      <c r="E186" s="1" t="s">
        <v>277</v>
      </c>
      <c r="F186" s="1">
        <v>35.076757100000002</v>
      </c>
      <c r="G186" s="1">
        <v>132.5894371</v>
      </c>
    </row>
    <row r="187" spans="1:7" ht="15" customHeight="1" x14ac:dyDescent="0.15">
      <c r="A187" s="1">
        <v>186</v>
      </c>
      <c r="B187" s="1" t="s">
        <v>276</v>
      </c>
      <c r="C187" s="1" t="s">
        <v>281</v>
      </c>
      <c r="D187" s="1" t="s">
        <v>596</v>
      </c>
      <c r="E187" s="1" t="s">
        <v>278</v>
      </c>
      <c r="F187" s="1">
        <v>35.098284</v>
      </c>
      <c r="G187" s="1">
        <v>132.5255458</v>
      </c>
    </row>
    <row r="188" spans="1:7" ht="15" customHeight="1" x14ac:dyDescent="0.15">
      <c r="A188" s="1">
        <v>187</v>
      </c>
      <c r="B188" s="1" t="s">
        <v>276</v>
      </c>
      <c r="C188" s="1" t="s">
        <v>282</v>
      </c>
      <c r="D188" s="1" t="s">
        <v>595</v>
      </c>
      <c r="E188" s="1" t="s">
        <v>279</v>
      </c>
      <c r="F188" s="1">
        <v>34.950584900000003</v>
      </c>
      <c r="G188" s="1">
        <v>132.63838989999999</v>
      </c>
    </row>
    <row r="189" spans="1:7" ht="15" customHeight="1" x14ac:dyDescent="0.15">
      <c r="A189" s="1">
        <v>188</v>
      </c>
      <c r="B189" s="1" t="s">
        <v>2</v>
      </c>
      <c r="C189" s="1" t="s">
        <v>10</v>
      </c>
      <c r="D189" s="1" t="s">
        <v>473</v>
      </c>
      <c r="E189" s="1" t="s">
        <v>1</v>
      </c>
      <c r="F189" s="1">
        <v>34.8891779</v>
      </c>
      <c r="G189" s="1">
        <v>132.43986150000001</v>
      </c>
    </row>
    <row r="190" spans="1:7" ht="15" customHeight="1" x14ac:dyDescent="0.15">
      <c r="A190" s="1">
        <v>189</v>
      </c>
      <c r="B190" s="1" t="s">
        <v>2</v>
      </c>
      <c r="C190" s="1" t="s">
        <v>11</v>
      </c>
      <c r="D190" s="1" t="s">
        <v>12</v>
      </c>
      <c r="E190" s="1" t="s">
        <v>4</v>
      </c>
      <c r="F190" s="1">
        <v>34.903751800000002</v>
      </c>
      <c r="G190" s="1">
        <v>132.46190350000001</v>
      </c>
    </row>
    <row r="191" spans="1:7" ht="15" customHeight="1" x14ac:dyDescent="0.15">
      <c r="A191" s="1">
        <v>190</v>
      </c>
      <c r="B191" s="1" t="s">
        <v>2</v>
      </c>
      <c r="C191" s="1" t="s">
        <v>13</v>
      </c>
      <c r="D191" s="1" t="s">
        <v>474</v>
      </c>
      <c r="E191" s="1" t="s">
        <v>3</v>
      </c>
      <c r="F191" s="1">
        <v>34.882656900000001</v>
      </c>
      <c r="G191" s="1">
        <v>132.35726880000001</v>
      </c>
    </row>
    <row r="192" spans="1:7" ht="15" customHeight="1" x14ac:dyDescent="0.15">
      <c r="A192" s="1">
        <v>191</v>
      </c>
      <c r="B192" s="1" t="s">
        <v>2</v>
      </c>
      <c r="C192" s="1" t="s">
        <v>18</v>
      </c>
      <c r="D192" s="1" t="s">
        <v>475</v>
      </c>
      <c r="E192" s="1" t="s">
        <v>6</v>
      </c>
      <c r="F192" s="1">
        <v>34.854132700000001</v>
      </c>
      <c r="G192" s="1">
        <v>132.52013690000001</v>
      </c>
    </row>
    <row r="193" spans="1:7" ht="15" customHeight="1" x14ac:dyDescent="0.15">
      <c r="A193" s="1">
        <v>192</v>
      </c>
      <c r="B193" s="1" t="s">
        <v>2</v>
      </c>
      <c r="C193" s="1" t="s">
        <v>14</v>
      </c>
      <c r="D193" s="1" t="s">
        <v>476</v>
      </c>
      <c r="E193" s="1" t="s">
        <v>5</v>
      </c>
      <c r="F193" s="1">
        <v>34.893940700000002</v>
      </c>
      <c r="G193" s="1">
        <v>132.5525586</v>
      </c>
    </row>
    <row r="194" spans="1:7" ht="15" customHeight="1" x14ac:dyDescent="0.15">
      <c r="A194" s="1">
        <v>193</v>
      </c>
      <c r="B194" s="1" t="s">
        <v>2</v>
      </c>
      <c r="C194" s="1" t="s">
        <v>17</v>
      </c>
      <c r="D194" s="1" t="s">
        <v>477</v>
      </c>
      <c r="E194" s="1" t="s">
        <v>7</v>
      </c>
      <c r="F194" s="1">
        <v>34.836979999999997</v>
      </c>
      <c r="G194" s="1">
        <v>132.39655379999999</v>
      </c>
    </row>
    <row r="195" spans="1:7" ht="15" customHeight="1" x14ac:dyDescent="0.15">
      <c r="A195" s="1">
        <v>194</v>
      </c>
      <c r="B195" s="1" t="s">
        <v>2</v>
      </c>
      <c r="C195" s="1" t="s">
        <v>15</v>
      </c>
      <c r="D195" s="1" t="s">
        <v>601</v>
      </c>
      <c r="E195" s="1" t="s">
        <v>8</v>
      </c>
      <c r="F195" s="1">
        <v>34.874405400000001</v>
      </c>
      <c r="G195" s="1">
        <v>132.61740850000001</v>
      </c>
    </row>
    <row r="196" spans="1:7" ht="15" customHeight="1" x14ac:dyDescent="0.15">
      <c r="A196" s="1">
        <v>195</v>
      </c>
      <c r="B196" s="1" t="s">
        <v>2</v>
      </c>
      <c r="C196" s="1" t="s">
        <v>16</v>
      </c>
      <c r="D196" s="1" t="s">
        <v>602</v>
      </c>
      <c r="E196" s="1" t="s">
        <v>9</v>
      </c>
      <c r="F196" s="1">
        <v>34.881831699999999</v>
      </c>
      <c r="G196" s="1">
        <v>132.66896180000001</v>
      </c>
    </row>
    <row r="197" spans="1:7" ht="15" customHeight="1" x14ac:dyDescent="0.15">
      <c r="A197" s="1">
        <v>196</v>
      </c>
      <c r="B197" s="1" t="s">
        <v>27</v>
      </c>
      <c r="C197" s="1" t="s">
        <v>592</v>
      </c>
      <c r="D197" s="1" t="s">
        <v>585</v>
      </c>
      <c r="E197" s="1" t="s">
        <v>584</v>
      </c>
      <c r="F197" s="1">
        <v>34.526913399999998</v>
      </c>
      <c r="G197" s="1">
        <v>131.72336319999999</v>
      </c>
    </row>
    <row r="198" spans="1:7" ht="15" customHeight="1" x14ac:dyDescent="0.15">
      <c r="A198" s="1">
        <v>197</v>
      </c>
      <c r="B198" s="1" t="s">
        <v>27</v>
      </c>
      <c r="C198" s="1" t="s">
        <v>593</v>
      </c>
      <c r="D198" s="1" t="s">
        <v>587</v>
      </c>
      <c r="E198" s="1" t="s">
        <v>586</v>
      </c>
      <c r="F198" s="1">
        <v>34.4834581</v>
      </c>
      <c r="G198" s="1">
        <v>131.74330990000001</v>
      </c>
    </row>
    <row r="199" spans="1:7" ht="15" customHeight="1" x14ac:dyDescent="0.15">
      <c r="A199" s="1">
        <v>198</v>
      </c>
      <c r="B199" s="1" t="s">
        <v>27</v>
      </c>
      <c r="C199" s="1" t="s">
        <v>25</v>
      </c>
      <c r="D199" s="1" t="s">
        <v>588</v>
      </c>
      <c r="E199" s="1" t="s">
        <v>23</v>
      </c>
      <c r="F199" s="1">
        <v>34.4643023</v>
      </c>
      <c r="G199" s="1">
        <v>131.77187749999999</v>
      </c>
    </row>
    <row r="200" spans="1:7" ht="15" customHeight="1" x14ac:dyDescent="0.15">
      <c r="A200" s="1">
        <v>199</v>
      </c>
      <c r="B200" s="1" t="s">
        <v>27</v>
      </c>
      <c r="C200" s="1" t="s">
        <v>26</v>
      </c>
      <c r="D200" s="1" t="s">
        <v>589</v>
      </c>
      <c r="E200" s="1" t="s">
        <v>24</v>
      </c>
      <c r="F200" s="1">
        <v>34.545492299999999</v>
      </c>
      <c r="G200" s="1">
        <v>131.83716630000001</v>
      </c>
    </row>
    <row r="201" spans="1:7" ht="15" customHeight="1" x14ac:dyDescent="0.15">
      <c r="A201" s="1">
        <v>200</v>
      </c>
      <c r="B201" s="1" t="s">
        <v>27</v>
      </c>
      <c r="C201" s="1" t="s">
        <v>594</v>
      </c>
      <c r="D201" s="1" t="s">
        <v>590</v>
      </c>
      <c r="E201" s="1" t="s">
        <v>591</v>
      </c>
      <c r="F201" s="1">
        <v>34.578688100000001</v>
      </c>
      <c r="G201" s="1">
        <v>131.79501350000001</v>
      </c>
    </row>
    <row r="202" spans="1:7" ht="15" customHeight="1" x14ac:dyDescent="0.15">
      <c r="A202" s="1">
        <v>201</v>
      </c>
      <c r="B202" s="1" t="s">
        <v>257</v>
      </c>
      <c r="C202" s="1" t="s">
        <v>266</v>
      </c>
      <c r="D202" s="1" t="s">
        <v>265</v>
      </c>
      <c r="E202" s="1" t="s">
        <v>258</v>
      </c>
      <c r="F202" s="1">
        <v>34.375251800000001</v>
      </c>
      <c r="G202" s="1">
        <v>131.9861813</v>
      </c>
    </row>
    <row r="203" spans="1:7" ht="15" customHeight="1" x14ac:dyDescent="0.15">
      <c r="A203" s="1">
        <v>202</v>
      </c>
      <c r="B203" s="1" t="s">
        <v>257</v>
      </c>
      <c r="C203" s="1" t="s">
        <v>267</v>
      </c>
      <c r="D203" s="1" t="s">
        <v>268</v>
      </c>
      <c r="E203" s="1" t="s">
        <v>259</v>
      </c>
      <c r="F203" s="1">
        <v>34.3515771</v>
      </c>
      <c r="G203" s="1">
        <v>131.9333388</v>
      </c>
    </row>
    <row r="204" spans="1:7" ht="15" customHeight="1" x14ac:dyDescent="0.15">
      <c r="A204" s="1">
        <v>203</v>
      </c>
      <c r="B204" s="1" t="s">
        <v>257</v>
      </c>
      <c r="C204" s="1" t="s">
        <v>267</v>
      </c>
      <c r="D204" s="1" t="s">
        <v>464</v>
      </c>
      <c r="E204" s="1" t="s">
        <v>264</v>
      </c>
      <c r="F204" s="1">
        <v>34.354365600000001</v>
      </c>
      <c r="G204" s="1">
        <v>131.93367760000001</v>
      </c>
    </row>
    <row r="205" spans="1:7" ht="15" customHeight="1" x14ac:dyDescent="0.15">
      <c r="A205" s="1">
        <v>204</v>
      </c>
      <c r="B205" s="1" t="s">
        <v>257</v>
      </c>
      <c r="C205" s="1" t="s">
        <v>269</v>
      </c>
      <c r="D205" s="1" t="s">
        <v>465</v>
      </c>
      <c r="E205" s="1" t="s">
        <v>260</v>
      </c>
      <c r="F205" s="1">
        <v>34.370463700000002</v>
      </c>
      <c r="G205" s="1">
        <v>131.8939369</v>
      </c>
    </row>
    <row r="206" spans="1:7" ht="15" customHeight="1" x14ac:dyDescent="0.15">
      <c r="A206" s="1">
        <v>205</v>
      </c>
      <c r="B206" s="1" t="s">
        <v>257</v>
      </c>
      <c r="C206" s="1" t="s">
        <v>270</v>
      </c>
      <c r="D206" s="1" t="s">
        <v>466</v>
      </c>
      <c r="E206" s="1" t="s">
        <v>261</v>
      </c>
      <c r="F206" s="1">
        <v>34.389122</v>
      </c>
      <c r="G206" s="1">
        <v>131.8908088</v>
      </c>
    </row>
    <row r="207" spans="1:7" ht="15" customHeight="1" x14ac:dyDescent="0.15">
      <c r="A207" s="1">
        <v>206</v>
      </c>
      <c r="B207" s="1" t="s">
        <v>257</v>
      </c>
      <c r="C207" s="1" t="s">
        <v>271</v>
      </c>
      <c r="D207" s="1" t="s">
        <v>272</v>
      </c>
      <c r="E207" s="1" t="s">
        <v>262</v>
      </c>
      <c r="F207" s="1">
        <v>34.440341199999999</v>
      </c>
      <c r="G207" s="1">
        <v>131.86411699999999</v>
      </c>
    </row>
    <row r="208" spans="1:7" ht="15" customHeight="1" x14ac:dyDescent="0.15">
      <c r="A208" s="1">
        <v>207</v>
      </c>
      <c r="B208" s="1" t="s">
        <v>257</v>
      </c>
      <c r="C208" s="1" t="s">
        <v>271</v>
      </c>
      <c r="D208" s="1" t="s">
        <v>273</v>
      </c>
      <c r="E208" s="1" t="s">
        <v>263</v>
      </c>
      <c r="F208" s="1">
        <v>34.439616299999997</v>
      </c>
      <c r="G208" s="1">
        <v>131.86396149999999</v>
      </c>
    </row>
    <row r="209" spans="1:7" ht="15" customHeight="1" x14ac:dyDescent="0.15">
      <c r="A209" s="1">
        <v>208</v>
      </c>
      <c r="B209" s="1" t="s">
        <v>274</v>
      </c>
      <c r="C209" s="1" t="s">
        <v>275</v>
      </c>
      <c r="D209" s="1" t="s">
        <v>467</v>
      </c>
      <c r="E209" s="1" t="s">
        <v>468</v>
      </c>
      <c r="F209" s="1">
        <v>36.096171300000002</v>
      </c>
      <c r="G209" s="1">
        <v>133.09628119999999</v>
      </c>
    </row>
    <row r="210" spans="1:7" ht="15" customHeight="1" x14ac:dyDescent="0.15">
      <c r="A210" s="1">
        <v>209</v>
      </c>
      <c r="B210" s="1" t="s">
        <v>28</v>
      </c>
      <c r="C210" s="1" t="s">
        <v>29</v>
      </c>
      <c r="D210" s="1" t="s">
        <v>598</v>
      </c>
      <c r="E210" s="1" t="s">
        <v>30</v>
      </c>
      <c r="F210" s="1">
        <v>36.112715199999997</v>
      </c>
      <c r="G210" s="1">
        <v>133.04070440000001</v>
      </c>
    </row>
    <row r="211" spans="1:7" ht="15" customHeight="1" x14ac:dyDescent="0.15">
      <c r="A211" s="1">
        <v>210</v>
      </c>
      <c r="B211" s="1" t="s">
        <v>33</v>
      </c>
      <c r="C211" s="1" t="s">
        <v>31</v>
      </c>
      <c r="D211" s="1" t="s">
        <v>599</v>
      </c>
      <c r="E211" s="1" t="s">
        <v>493</v>
      </c>
      <c r="F211" s="1">
        <v>36.205328299999998</v>
      </c>
      <c r="G211" s="1">
        <v>133.33284370000001</v>
      </c>
    </row>
    <row r="212" spans="1:7" ht="15" customHeight="1" x14ac:dyDescent="0.15">
      <c r="A212" s="1">
        <v>211</v>
      </c>
      <c r="B212" s="1" t="s">
        <v>33</v>
      </c>
      <c r="C212" s="1" t="s">
        <v>32</v>
      </c>
      <c r="D212" s="1" t="s">
        <v>600</v>
      </c>
      <c r="E212" s="1" t="s">
        <v>494</v>
      </c>
      <c r="F212" s="1">
        <v>36.213318299999997</v>
      </c>
      <c r="G212" s="1">
        <v>133.30943210000001</v>
      </c>
    </row>
  </sheetData>
  <phoneticPr fontId="1"/>
  <pageMargins left="0.23622047244094491" right="0.23622047244094491" top="0.74803149606299213" bottom="0.74803149606299213" header="0.31496062992125984" footer="0.31496062992125984"/>
  <pageSetup paperSize="9" scale="97" orientation="portrait" verticalDpi="0" r:id="rId1"/>
  <rowBreaks count="2" manualBreakCount="2">
    <brk id="146" max="16383" man="1"/>
    <brk id="196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児童クラブ所在地</vt:lpstr>
      <vt:lpstr>児童クラブ所在地!data_05</vt:lpstr>
      <vt:lpstr>児童クラブ所在地!Print_Titles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花谷和明</dc:creator>
  <cp:lastModifiedBy>情報政策課</cp:lastModifiedBy>
  <cp:lastPrinted>2016-04-25T02:59:39Z</cp:lastPrinted>
  <dcterms:created xsi:type="dcterms:W3CDTF">2015-07-29T07:36:55Z</dcterms:created>
  <dcterms:modified xsi:type="dcterms:W3CDTF">2017-03-14T12:06:44Z</dcterms:modified>
</cp:coreProperties>
</file>